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228"/>
  <workbookPr autoCompressPictures="0"/>
  <mc:AlternateContent xmlns:mc="http://schemas.openxmlformats.org/markup-compatibility/2006">
    <mc:Choice Requires="x15">
      <x15ac:absPath xmlns:x15ac="http://schemas.microsoft.com/office/spreadsheetml/2010/11/ac" url="C:\Users\s428393\Dropbox\2018_RWS\Data\Data Tables\Data Tables by Regions and Groups\Groups\"/>
    </mc:Choice>
  </mc:AlternateContent>
  <xr:revisionPtr revIDLastSave="0" documentId="13_ncr:1_{162E2CDC-1C06-4B05-ABEC-7DBD78F843DE}" xr6:coauthVersionLast="45" xr6:coauthVersionMax="45" xr10:uidLastSave="{00000000-0000-0000-0000-000000000000}"/>
  <bookViews>
    <workbookView xWindow="-120" yWindow="-120" windowWidth="29040" windowHeight="15840" tabRatio="909" xr2:uid="{00000000-000D-0000-FFFF-FFFF00000000}"/>
  </bookViews>
  <sheets>
    <sheet name="Cover" sheetId="2" r:id="rId1"/>
    <sheet name="Explanatory notes" sheetId="11" r:id="rId2"/>
    <sheet name="About the groups"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45621"/>
</workbook>
</file>

<file path=xl/sharedStrings.xml><?xml version="1.0" encoding="utf-8"?>
<sst xmlns="http://schemas.openxmlformats.org/spreadsheetml/2006/main" count="3534" uniqueCount="609">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 xml:space="preserve">Each individual item used to create the Community Wellbeing Index is presented individually. </t>
  </si>
  <si>
    <t>Changes in liveability ('getting worse' (1) to 'getting better' (7))</t>
  </si>
  <si>
    <t>Wellbeing of people</t>
  </si>
  <si>
    <t>Wellbeing of communities</t>
  </si>
  <si>
    <t>Self-efficacy (average score, from a possible 1-7)</t>
  </si>
  <si>
    <t>Institutional Capital</t>
  </si>
  <si>
    <t>Equity and inclusion (average score, from a possible 1-7)</t>
  </si>
  <si>
    <t>Participation in volunteering - distribution of responses</t>
  </si>
  <si>
    <t>Access to roads and public transport (average score, from a possible 1-7)</t>
  </si>
  <si>
    <t>Access to food and retail shops  (average score, from a possible 1-7)</t>
  </si>
  <si>
    <t>Access to telecommunications measures</t>
  </si>
  <si>
    <t xml:space="preserve">Global life satisfaction   </t>
  </si>
  <si>
    <t>Satisfaction with life as a whole
(average score, from a possible 0-100)</t>
  </si>
  <si>
    <t>Region name</t>
  </si>
  <si>
    <t xml:space="preserve">Total
number of
respondents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 Domains</t>
  </si>
  <si>
    <t xml:space="preserve">To what extent do you feel the things you do in your life are worthwhile?
</t>
  </si>
  <si>
    <t>How much do you feel your life has purpose?</t>
  </si>
  <si>
    <t xml:space="preserve">How meaningful does your life feel?
</t>
  </si>
  <si>
    <t>Migration</t>
  </si>
  <si>
    <t>People shifting away from the area
(measured 'not a problem' (1) to 'very big problem' (7))</t>
  </si>
  <si>
    <t>% residents who rated it as poor</t>
  </si>
  <si>
    <t>I have the skills and education I need to achieve what I want to in life
(Measured 'strongly disagree' (1) to 'strongly agree' (7))</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Community events e.g. festivals
'(Measured 'very poor' (1) to 'very good' (7))</t>
  </si>
  <si>
    <t>Access to health and education services</t>
  </si>
  <si>
    <t>Availability of good local restaurants/cafes
(Measured 'very poor' (1) to 'very good' (7))</t>
  </si>
  <si>
    <t>Access to local government services</t>
  </si>
  <si>
    <t>Local government services
(Measured 'very poor' (1) to 'very good' (7))</t>
  </si>
  <si>
    <t>Mobile phone reception
(Measured 'very poor' (1) to 'very good' (7))</t>
  </si>
  <si>
    <t>Access to telecommunications
(average score, from a possible 1-7)</t>
  </si>
  <si>
    <t>Measured from 1 (low levels of telecommunications) to 7 (high levels of telecommunications)</t>
  </si>
  <si>
    <t>Eudaimonic Wellbeing Index</t>
  </si>
  <si>
    <t>Eudaimonic Wellbeing Index
(average score, from a possible 0-100)</t>
  </si>
  <si>
    <t xml:space="preserv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To what extent are the following problems/challenges in your community at the moment? - Conflict/disagreement between some people
(Measured 'not a problem' (1) to 'very big problem' (7))</t>
  </si>
  <si>
    <t>Confidence interval for % who rated it as neither poor or good</t>
  </si>
  <si>
    <t>Confidence interval for % who  rated it as good</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Volunteer all the time</t>
  </si>
  <si>
    <t>Confidence interval for % who volunteer all the time</t>
  </si>
  <si>
    <t>If I could, I would shift to live in another community
(measured 'strongly disagree' (1) to 'strongly agree' (7))</t>
  </si>
  <si>
    <t>Confidence interval for % Never/rarely</t>
  </si>
  <si>
    <t>Confidence interval for % Sometimes</t>
  </si>
  <si>
    <t>Confidence interval for % regularly/all the time</t>
  </si>
  <si>
    <t>Wellbeing-  Emotional Affect Index - distribution of responses</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 residents who rated it as a large problem</t>
  </si>
  <si>
    <t>Confidence interval for % who rated it as a large problem</t>
  </si>
  <si>
    <t>% residents who rated it as no/low problem</t>
  </si>
  <si>
    <t>Confidence interval for % who rated it as no/low problem</t>
  </si>
  <si>
    <t>Australia</t>
  </si>
  <si>
    <t>Regional Australia</t>
  </si>
  <si>
    <t>Urban Australia</t>
  </si>
  <si>
    <t xml:space="preserve">Self-efficacy </t>
  </si>
  <si>
    <t xml:space="preserve">Self-efficacy measures </t>
  </si>
  <si>
    <t xml:space="preserve">Access to telecommunications </t>
  </si>
  <si>
    <t xml:space="preserve">Crime and safety in the local community </t>
  </si>
  <si>
    <t xml:space="preserve">Crime and safety in the local community measures  </t>
  </si>
  <si>
    <t>Measured from 0 (low emotional affect) to 10 (high emotional affect)</t>
  </si>
  <si>
    <t>Explanatory notes</t>
  </si>
  <si>
    <t>Respondents were asked ‘how would you rate your general health?’, and asked to select one of the following options: poor, fair, good, very good or excellent. 
Responses are reported  as an average and as the % providing each response.</t>
  </si>
  <si>
    <t xml:space="preserve">The Community Wellbeing Index is the average score of answers to five questions on the survey, each of which is measured on a 7-point scale from ‘strongly disagree’ (1) to ‘strongly agree’ (7). 
The items included in the index were: (i) My community is a great place to live, (ii) This community copes pretty well when faced with challenges, (iii) I feel proud to live in this community, (iv) This community has a bright future, and (v) There's good community spirit around here. </t>
  </si>
  <si>
    <t>Community wellbeing
 (average score, from a possible 1-7)</t>
  </si>
  <si>
    <t>Community Wellbeing Index</t>
  </si>
  <si>
    <t>My community is a great place to live
(Measured 'strongly disagree' (1) to 'strongly agree' (7))</t>
  </si>
  <si>
    <t>I feel proud to live in this community
(Measured 'strongly disagree' (1) to 'strongly agree' (7))</t>
  </si>
  <si>
    <t>This community has a bright future
(Measured 'strongly disagree' (1) to 'strongly agree' (7))</t>
  </si>
  <si>
    <t>There's good community spirit around here
(Measured 'strongly disagree' (1) to 'strongly agree' (7))</t>
  </si>
  <si>
    <t>Likelihood of shifting in the next 12 months 
(measured 'very unlikely' (1) to 'very likely' (5))</t>
  </si>
  <si>
    <t xml:space="preserve">% residents who were unlikely to shift </t>
  </si>
  <si>
    <t xml:space="preserve">Confidence interval for % who were unlikely to shift </t>
  </si>
  <si>
    <t xml:space="preserve">% residents who were neither likely or unlikely to shift </t>
  </si>
  <si>
    <t>Confidence interval for % who neither likely or unlikely to shift</t>
  </si>
  <si>
    <t xml:space="preserve">% residents who were likely to shift  </t>
  </si>
  <si>
    <t>Confidence interval for % who  were likely to shift</t>
  </si>
  <si>
    <t>% residents who had a score of 1 or 2 out of 5</t>
  </si>
  <si>
    <t>There is 95% confidence that if the survey was repeated, the value would fall between the %  ± the confidence interval</t>
  </si>
  <si>
    <t>% residents who had a score of 3 out of 5</t>
  </si>
  <si>
    <t>% residents who had a score of 4 or 5 out of 5</t>
  </si>
  <si>
    <t>This community is financially well-off
(Measured 'strongly disagree' (1) to 'strongly agree' (7))</t>
  </si>
  <si>
    <t>Local businesses in this town are doing pretty well at the moment
(Measured 'strongly disagree' (1) to 'strongly agree' (7))</t>
  </si>
  <si>
    <t xml:space="preserve">Respondents were asked to identify how much they agreed or disagreed, on a 7-point scale from  'strongly disagree' (1) to 'strongly agree' (7), with the following statements: (i) I am confident I can achieve the things I want in life, (ii) I am confident I can achieve the things I want in my work, and (iii) I have the skills and education I need to achieve what I want to in life. Responses to these statements were averaged to form a single measure of self-efficacy, scored from 1 (low self-efficacy) to 7 (high self-efficacy). 
</t>
  </si>
  <si>
    <t>The human capital available to communities was measured by asking survey participants how much they agreed with the following three statements, from 'strongly disagree' (1) to 'strongly agree' (7): (i) People around here are good at getting help and ideas from other communities; (ii) Whatever the problem, someone in this community takes the lead in sorting it out; and (iii) Local groups and organisations around here are good at getting things done.
Responses to these three statements were averaged to form a single measure of community leadership and collaboration, measured from 1 (low levels of leadership and collaboration) to 7 (high levels of leadership and collaboration).</t>
  </si>
  <si>
    <t xml:space="preserve"> Community leadership and collaboration
(average score, from a possible 1-7)</t>
  </si>
  <si>
    <t>Measured from 1 (low levels of community human capital in the form of leadership and collaboration) to 7 (high levels of leadership and collaboration)</t>
  </si>
  <si>
    <t>People around here are good at getting help and ideas from other communities
(Measured 'strongly disagree' (1) to 'strongly agree' (7))</t>
  </si>
  <si>
    <t>Whatever the problem, someone in this community takes the lead in sorting it out
(Measured 'strongly disagree' (1) to 'strongly agree' (7))</t>
  </si>
  <si>
    <t>The people who make decisions for my community represent the whole community, not just part of it 
(Measured 'strongly disagree' (1) to 'strongly agree' (7))</t>
  </si>
  <si>
    <t>Most people get a fair go around here
(Measured 'strongly disagree' (1) to 'strongly agree' (7))</t>
  </si>
  <si>
    <t xml:space="preserve">Equity and inclusion was measured by asking survey participants how much they agreed with the following two statements, from 'strongly disagree' (1) to 'strongly agree' (7): (i) Some groups in this community keep to themselves; (ii) Some groups who live in this community aren’t made to feel welcome; and the statement 'Conflict/disagreement between some people' from 'not a problem' (1) to 'very big problem' (7).
Responses to these statements were averaged to form a single measure of equity and inclusion by (i) reversing the scoring of each, so that low scores indicated poor equity and low inclusion, and high scores indicated high levels of equity and inclusion; and (ii) calculating the average score across the three variables. </t>
  </si>
  <si>
    <t>Equity and inclusion
(average score, from a possible 1-7)</t>
  </si>
  <si>
    <t>Measured from 1 (low levels of inclusion and equity) to 7 (high levels of inclusion and equity)</t>
  </si>
  <si>
    <t>Some groups in this community keep to themselves
(Measured 'strongly disagree' (1) to 'strongly agree' (7))</t>
  </si>
  <si>
    <t>Some groups who live in this community aren’t made to feel welcome
(Measured 'strongly disagree' (1) to 'strongly agree' (7))</t>
  </si>
  <si>
    <t>Informal social connectedness was measured by asking survey participants how often they did the following, on a scale measured from 'never' (1) to 'all the time' (7):
(i) I make time to keep in touch with my friends; (ii) I chat with my neighbours; and (iii) I spend time doing things with family members who don’t live with me.
The ‘friends and family’ measure was calculated as the average of these three items, from 1 (low levels of informal social connectedness) to 7 (high levels of informal social connectedness).</t>
  </si>
  <si>
    <t>I chat with my neighbours
'(Measured 'never' (1) to 'all the time' (7))</t>
  </si>
  <si>
    <t>The extent of a person’s involvement in local community activities was examined by asking survey participants how frequently they took part in the following types of activities, on a scale from 'never or almost never' (1) to 'all the time' (7): (i) I attend community events such as farmers markets, community festivals; (ii) I attend meetings/social events of local clubs/groups e.g. Lions, CWA; and (iii)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attend community events such as farmers markets, community festivals; (ii) I attend meetings/social events of local clubs/groups e.g. Lions, CWA; and (iii) I take part in sports groups or teams.</t>
  </si>
  <si>
    <t>I attend community events such as farmers markets, community festivals
'(Measured 'never or almost never' (1) to 'all the time' (7))</t>
  </si>
  <si>
    <t>A person’s sense of belonging was measured by asking survey participants how much they agreed with the following three statements, from 'strongly disagree' (1) to 'strongly agree' (7): (i) I feel welcome here; (ii) I feel part of my community; and (iii) I feel like an outsider here. 
The ‘belonging’ measure was calculated as the average score for these three variables, after the scoring for ‘I feel like an outsider here’ was reversed, from 1 (low sense of belonging) to 7 (high sense of belonging).</t>
  </si>
  <si>
    <t>Measured from 1 (low sense of belonging) to 7 (high sense of belonging)</t>
  </si>
  <si>
    <t>Sense of belonging measures</t>
  </si>
  <si>
    <t>I feel part of my community 
(Measured 'strongly disagree' (1) to 'strongly agree' (7))</t>
  </si>
  <si>
    <t>I feel like an outsider here 
(Measured 'strongly disagree' (1) to 'strongly agree' (7))</t>
  </si>
  <si>
    <t xml:space="preserve">Access to health, education  and child care </t>
  </si>
  <si>
    <t xml:space="preserve"> Access to health, education and child care
(average score, from a possible 1-7)</t>
  </si>
  <si>
    <t>Access to health, education and child care measures</t>
  </si>
  <si>
    <t>General health services e.g. GP, general health consultation services
(Measured 'very poor' (1) to 'very good' (7))</t>
  </si>
  <si>
    <t>Mental health services e.g. psychologist, psychiatrist
(Measured 'very poor' (1) to 'very good' (7))</t>
  </si>
  <si>
    <t>Specialist health services (other than mental health)
(Measured 'very poor' (1) to 'very good' (7))</t>
  </si>
  <si>
    <t>Quality of local schools
(Measured 'very poor' (1) to 'very good' (7))</t>
  </si>
  <si>
    <t>Access to childcare
(Measured 'very poor' (1) to 'very good' (7))</t>
  </si>
  <si>
    <t>Access to health, education, and child care was measured by asking respondents to rate their access to the following types of services in their local community, on a scale ranging from 'very poor' (1) to 'very good' (7): (i) General health services e.g. GP, general health consultation services; (ii) Mental health services e.g. psychologist, psychiatrist; (iii) Specialist health services (other than mental health); (iv) quality of local schools (v) access to child care.
A single measure of overall access to health, education, aged and child care was then constructed based on the average score of a person’s responses to these items, after excluding respondents who were unsure whether there was access to a given service.</t>
  </si>
  <si>
    <t>Access to roads and public transport</t>
  </si>
  <si>
    <t xml:space="preserve"> Access to roads and public transport
(average score, from a possible 1-7)</t>
  </si>
  <si>
    <t>Access to roads and public transport was measured by asking respondents to rate their access to the following types of services in their local community, on a scale ranging from 'very poor' (1) to 'very good' (7): (i) Quality of local roads; and (ii) Access to public transport (including taxis, buses, trains).
A single measure of overall access to roads and public transport was then constructed based on the average score of a person’s responses to these two items.</t>
  </si>
  <si>
    <t>Quality of local roads 
(Measured 'very poor' (1) to 'very good' (7))</t>
  </si>
  <si>
    <t>Access to public transport (including taxis, buses, trains)
(Measured 'very poor' (1) to 'very good' (7))</t>
  </si>
  <si>
    <t>Access to food</t>
  </si>
  <si>
    <t xml:space="preserve">Access to food </t>
  </si>
  <si>
    <t>Access to food 
(average score, from a possible 1-7)</t>
  </si>
  <si>
    <t>Availability of fresh fruit and vegetables
(Measured 'very poor' (1) to 'very good' (7))</t>
  </si>
  <si>
    <t>Telecommunications items are reported individually. Each was measured on a 7-point scale, from 'very poor' (1) to 'very good' (7), and included: 
(i) How good or poor are the following things in your local region at the moment - Mobile phone reception and (ii) access to high speed, reliable internet
Responses are reported at the proportional level of poor/neither/good access.</t>
  </si>
  <si>
    <t>Access to high speed, reliable internet
(Measured 'very poor' (1) to 'very good' (7))</t>
  </si>
  <si>
    <t>Access to financial and professional services</t>
  </si>
  <si>
    <t xml:space="preserve">Access to financial and professional services was measured by asking respondents to rate their access to the following types of services in their local community, on a scale ranging from 'very poor' (1) to 'very good' (7): (i) Banking and financial services; and (ii) Professional services e.g. accountants, lawyers.
A single measure of overall access to financial and professional services was then constructed by taking the average score of responses to these three items. </t>
  </si>
  <si>
    <t>Access to financial and professional services
(average score, from a possible 1-7)</t>
  </si>
  <si>
    <t>Access to financial and professional services measures</t>
  </si>
  <si>
    <t>Banking and financial services
(Measured 'very poor' (1) to 'very good' (7))</t>
  </si>
  <si>
    <t>Professional services e.g. accountants, lawyers
(Measured 'very poor' (1) to 'very good' (7))</t>
  </si>
  <si>
    <t>% poor</t>
  </si>
  <si>
    <t>% neither poor nor good</t>
  </si>
  <si>
    <t>% good</t>
  </si>
  <si>
    <t>The attractiveness of the landscape a person lived in was measured by asking respondents how much they agreed or disagreed with the following statements, measured on a scale of 'strongly disagree (1) to 'strongly agree' (7): (i) I like the environment and surrounds I live in; (ii) There are attractive buildings / homes in my community; and (iii) There are attractive natural places in my community e.g. parks, bushland. 
The ‘landscape and aesthetics’ scale was then constructed as the average score of responses to these three items.</t>
  </si>
  <si>
    <t>I like the environment and surrounds I live in
(Measured 'strongly disagree' (1) to 'strongly agree' (7))</t>
  </si>
  <si>
    <t>There are attractive buildings / homes in my community
(Measured 'strongly disagree' (1) to 'strongly agree' (7))</t>
  </si>
  <si>
    <t>There are attractive natural places in my community e.g. parks, bushland
(Measured 'strongly disagree' (1) to 'strongly agree' (7))</t>
  </si>
  <si>
    <t>Perceived environmental health was measured by asking survey participants the extent to which they felt any of the following were a problem in their local region, on a scale from 'not a problem (1) to 'big problem' (7):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he average score of these variables was calculated as a measure of perceived environmental health. Scores for each item were reversed before calculation of the scale, so that a score of 1 represented poor environmental health, and a score of 7 represented good environmental health.</t>
  </si>
  <si>
    <t>Water quality problems other than salinity, in rivers, lake or waterways
(Measured 'Not a problem' (1) to 'Big problem' (7))</t>
  </si>
  <si>
    <t>Soil erosion
(Measured 'Not a problem' (1) to 'Big problem' (7))</t>
  </si>
  <si>
    <t>Poor soil health other than soil erosion e.g. soil compaction
(Measured 'Not a problem' (1) to 'Big problem' (7))</t>
  </si>
  <si>
    <t>Pest fish species e.g. carp
(Measured 'Not a problem' (1) to 'Big problem' (7))</t>
  </si>
  <si>
    <t>Loss of vegetation (trees, shrubs)
(Measured 'Not a problem' (1) to 'Big problem' (7))</t>
  </si>
  <si>
    <t>Declining numbers of some native animals or birds
(Measured 'Not a problem' (1) to 'Big problem' (7))</t>
  </si>
  <si>
    <t>Invasive weeds
(Measured 'Not a problem' (1) to 'Big problem' (7))</t>
  </si>
  <si>
    <t>Salinity (in soil or waterways)
(Measured 'Not a problem' (1) to 'Big problem' (7))</t>
  </si>
  <si>
    <t>Environmental degradation in general
(Measured 'Not a problem' (1) to 'Big problem' (7))</t>
  </si>
  <si>
    <t>Feral animals e.g. pigs, goats, wild dogs, rabbits
(Measured 'Not a problem' (1) to 'Big problem' (7))</t>
  </si>
  <si>
    <t>Declining numbers of native fish
(Measured 'Not a problem' (1) to 'Big problem' (7))</t>
  </si>
  <si>
    <t>% Not a problem</t>
  </si>
  <si>
    <t>% Moderate problem</t>
  </si>
  <si>
    <t>Confidence interval for % Moderate problem</t>
  </si>
  <si>
    <t>%  Big problem</t>
  </si>
  <si>
    <t>Confidence interval for % Not a problem</t>
  </si>
  <si>
    <t>% residents who were very comfortable or prosperous</t>
  </si>
  <si>
    <t>% residents who indicated they were very comfortable (5) or prosperous (6)</t>
  </si>
  <si>
    <t xml:space="preserve">The Personal Wellbeing Index measures a person’s wellbeing on a score from 0-100. This score is calculated based on answers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 residents who reported a score below 6</t>
  </si>
  <si>
    <t>% residents who reported a score of 6 to 8</t>
  </si>
  <si>
    <t>% residents who reported a score of above 8</t>
  </si>
  <si>
    <t xml:space="preserve">The data in this spreadsheet were produced from the 2018 Regional Wellbeing Survey. Information about the survey is available at www.regionalwellbeing.org.au. </t>
  </si>
  <si>
    <t>The data presented in this spreadsheet are from a survey of adult residents of this region. All surveys have some bias in the responses they receive. The 2018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Likelihood of shifting to a new community</t>
  </si>
  <si>
    <t>Access to community events</t>
  </si>
  <si>
    <t>% residents who reported moderate access to community events</t>
  </si>
  <si>
    <t>% residents who reported good or very good access to community events</t>
  </si>
  <si>
    <t>Confidence interval for % who had good or very good access to community events</t>
  </si>
  <si>
    <t>Confidence interval for % who had moderate access to community events</t>
  </si>
  <si>
    <t>Confidence interval for % who had poor or very poor access to community events</t>
  </si>
  <si>
    <t>% residents who reported poor or very poor access to community events</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The people who make decisions for my community represent the whole community, not just part of it; (iii) I can get involved in local decision-making processes if I want to; and (iv) Most people get a fair go around here.
Responses to these statements were averaged to form a single measure, from 1 (low confidence in being able to have a say and being heard) to 7 (high confidence in being able to have a say and being heard).</t>
  </si>
  <si>
    <t>% residents who disagreed</t>
  </si>
  <si>
    <t>Confidence interval for % who disagreed</t>
  </si>
  <si>
    <t>% residents who neither agreed or disagreed</t>
  </si>
  <si>
    <t>Confidence interval for % who neither agreed or disagreed</t>
  </si>
  <si>
    <t>% residents who agreed</t>
  </si>
  <si>
    <t>Confidence interval for % who agreed</t>
  </si>
  <si>
    <t>I would recommend my community to others as a good place to live
(Measured 'strongly disagree' (1) to 'strongly agree' (7))</t>
  </si>
  <si>
    <t>Would recommend community as a good place to live</t>
  </si>
  <si>
    <t>This single item was measured on a 7-point scale, from 'strongly disagree' (1) to 'strongly agree' (7). Respondents were asked: I would recommend my community to others as a good place to live. 
Responses were reported as an average and at the proportional level of disagree/neither/agree.</t>
  </si>
  <si>
    <t>Had to delay or cancel non-essential purchases e.g. holiday, going to a restaurant or movie, buying clothes</t>
  </si>
  <si>
    <t>% residents who had to delay or cancel non-essential purchases</t>
  </si>
  <si>
    <t xml:space="preserve">% residents who selected this </t>
  </si>
  <si>
    <t>Confidence interval for delaying or cancelling non-essential purchases</t>
  </si>
  <si>
    <t>Could not pay bills on time</t>
  </si>
  <si>
    <t>Went without meals, or was unable to heat or cool home</t>
  </si>
  <si>
    <t>Asked for financial help from friends or family</t>
  </si>
  <si>
    <t>% residents who could not pay bills on time</t>
  </si>
  <si>
    <t>Confidence interval for not paying bills on time</t>
  </si>
  <si>
    <t>% residents who went without meals or were unable to heat or cool home</t>
  </si>
  <si>
    <t>Confidence interval for going without meals</t>
  </si>
  <si>
    <t>% residents who asked for financial help</t>
  </si>
  <si>
    <t>Confidence interval for asking for financial help</t>
  </si>
  <si>
    <t>Eudaimonic wellbeing domains</t>
  </si>
  <si>
    <t>Each individual item used to create the Eudaimonic Wellbeing Index is presented individually</t>
  </si>
  <si>
    <t xml:space="preserve">Emotional Affect Index </t>
  </si>
  <si>
    <t>Emotional Affect (average score, from a possible 0-10)</t>
  </si>
  <si>
    <t>Community wellbeing index</t>
  </si>
  <si>
    <t>Community wellbeing domains</t>
  </si>
  <si>
    <t>Community wellbeing (average score, from possible 1-7)</t>
  </si>
  <si>
    <t>Would recommend community</t>
  </si>
  <si>
    <t>Average score, from possible 1-7</t>
  </si>
  <si>
    <t>Community leadership and collaboration measures</t>
  </si>
  <si>
    <t>Each individual item used to create the community leadership and collaboration scale is presented individually</t>
  </si>
  <si>
    <t>Equity and inclusion measures</t>
  </si>
  <si>
    <t>Each individual item used to create the equity and inclusion scale is presented individually</t>
  </si>
  <si>
    <t>Each individual item used to create the sense of belonging scale is presented individually</t>
  </si>
  <si>
    <t>The single item for 'access to community events' is presented</t>
  </si>
  <si>
    <t>Access to health and education services measures</t>
  </si>
  <si>
    <t>Each individual item used to create the access to health and education scale is presented individually</t>
  </si>
  <si>
    <t>Access to roads and public transport measures</t>
  </si>
  <si>
    <t>Each individual item used to create the access to roads and public transport scale is presented individually</t>
  </si>
  <si>
    <t>Access to food measures</t>
  </si>
  <si>
    <t>Each individual item used to create the access to food scale is presented individually</t>
  </si>
  <si>
    <t>Access to financial and professional services (average score, from a possible 1-7)</t>
  </si>
  <si>
    <t>Eudaimonic wellbeing index</t>
  </si>
  <si>
    <t>Each individual item used to create the household financial wellbeing scale is presented individually</t>
  </si>
  <si>
    <t>Financial distress ('no financial distress' (0) to 'highest level of financial distress' (4))</t>
  </si>
  <si>
    <t>Each individual item used to create the community economic wellbeing scale is presented individually</t>
  </si>
  <si>
    <t>Each individual item used to create the self-efficacy scale is presented individually</t>
  </si>
  <si>
    <t>Each individual item used to create the having a say and being heard scale is presented individually</t>
  </si>
  <si>
    <t>Each individual item used to create the getting involved scale is presented individually</t>
  </si>
  <si>
    <t>Each individual item used to create the spending time with friends and family scale is presented individually</t>
  </si>
  <si>
    <t>Each individual item used to create the access to financial and professional services scale is presented individually</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Each individual item used to create the perceived environmental health scale is presented individually</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r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The local landscape and surrounds in this community are….. 
(Measured 'getting worse' (1) to 'getting better' (7))</t>
  </si>
  <si>
    <t>Migration questions were measured using three 7-point scales. One measured the level of satisfaction from 'strongly disagree' (1) to 'strongly agree' (7), and included 'If I could, I would shift to live in another community'. 
One measured the extend of problems/challenges in their community at the moment on a scale from 'not a problem' (1)  to  'very big problem' (7) and included 'People shifting away from the area'.
One measured the likelihood of shifting from their current community on a scale from 'very unlikely' (1) to 'very likely' (5), and included 'how likely are you to shift to a new community in the next 12 months?'
Responses were reported as an average and at the proportional level of disagree/neither/agree, not a problem/low problem/moderate problem/problem, and unlikely/neither/likely.</t>
  </si>
  <si>
    <t>Confidence interval for %  $52,000-$124,999</t>
  </si>
  <si>
    <t>Confidence interval for %  $125,000+</t>
  </si>
  <si>
    <t xml:space="preserve">Regional and rural Australians were asked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are reported as an average and at the proportional level of poor/neither/good access.
</t>
  </si>
  <si>
    <t>Confidence interval for % Not Big problem</t>
  </si>
  <si>
    <t xml:space="preserve">Confidence interval for % who  disagree </t>
  </si>
  <si>
    <t>% residents who rated access as a problem</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Measured using a reversed scale from 1 (strongly agree) to 7 (strongly disagree)</t>
  </si>
  <si>
    <t>Measured using a reversed scale from 1 (very big problem) to 7 (not a problem)</t>
  </si>
  <si>
    <t>Lack of affordable food/groceries at local shops
(Measured 'not a problem' (1) to 'very big problem' (7))</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 xml:space="preserve">Each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Each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Measured from 1 (low levels of community wellbeing) to 7 (high levels of community wellbeing)</t>
  </si>
  <si>
    <t xml:space="preserve">Each item used to create the Community Wellbeing Index is presented individually. 
The community wellbeing questions were measured on a 7-point scale, from 'strongly disagree' (1) to 'strongly agree' (7), and included: 
(i) My community is a great place to live, (ii) This community copes pretty well when faced with challenges, (iii) I feel proud to live in this community, 
(iv) This community has a bright future, and (v) There's good community spirit around here. </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and asked to select one of the following options: 'prosperous; very comfortable; reasonably comfortable; just getting along; poor; 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 
Financial distress is presented at the proportional level of no or very low financial distress (selected none of these), low-moderate financial distress (selected 1 item), and high financial distress (selected 2, 3, or 4 items).</t>
    </r>
    <r>
      <rPr>
        <sz val="12"/>
        <color rgb="FFFF0000"/>
        <rFont val="Calibri"/>
        <family val="2"/>
        <scheme val="minor"/>
      </rPr>
      <t xml:space="preserve">
</t>
    </r>
    <r>
      <rPr>
        <sz val="12"/>
        <rFont val="Calibri"/>
        <family val="2"/>
        <scheme val="minor"/>
      </rPr>
      <t xml:space="preserve">Responses to each individual financial stressor is also presented. </t>
    </r>
  </si>
  <si>
    <t>Each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xml:space="preserve">Average score (mean)   </t>
  </si>
  <si>
    <t xml:space="preserve">Average score (mean), excluding don't know responses   </t>
  </si>
  <si>
    <t>Each item used to create the 'community leadership and collaboration' scale is presented individually. 
The questions were measured on a 7-point scale, from 'strongly disagree' (1) to 'strongly agree' (7), and included: 
 (i) People around here are good at getting help and ideas from other communities; (ii) Whatever the problem, someone in this community takes the lead in sorting it out; and (iii) Local groups and organisations around here are good at getting things done.</t>
  </si>
  <si>
    <t>Each item used to create the 'spending time with friends and family' scale is presented individually. 
The questions were measured on a 7-point scale, from 'never' (1) to 'all the time' (7), and included: 
(i) I make time to keep in touch with my friends; (ii) I chat with my neighbours; and (iii) I spend time doing things with family members who don’t live with me.</t>
  </si>
  <si>
    <t>Each item used to create the 'sense of belonging' scale is presented individually. 
The questions were measured on a 7-point scale, from 'strongly disagree' (1) to 'strongly agree' (7), and included: 
 (i) I feel welcome here; (ii) I feel part of my community; and (iii) I feel like an outsider here</t>
  </si>
  <si>
    <t>Each item used to create the 'access to roads and public transport' scale is presented individually. 
The questions were measured on a 7-point scale, from 'very poor' (1) to 'very good' (7), and included: 
(i) Quality of local roads; and (ii) Access to public transport (including taxis, buses, trains).</t>
  </si>
  <si>
    <t>Each item used to create the 'access to financial and professional services' scale is presented individually. 
The questions were measured on a 7-point scale, from 'very poor' (1) to 'very good' (7), and included: 
(i) Banking and financial services; and (ii) Professional services e.g. accountants, lawyers.</t>
  </si>
  <si>
    <t>Each item used to create the 'equity and inclusion' scale is presented individually. 
Two items were measured on a 7-point scale, from 'strongly disagree' (1) to 'strongly agree' (7), and included: (i) Some groups in this community keep to themselves; and (ii) Some individuals get left out in this community. 
The third itm 'Conflict/disagreement between some people' was measured from 'not a problem' (1) to 'very big problem' (7).
The mean scores were reversed to represent 'low equity and inclusion' (1) to 'high equity and inclusion' (7)</t>
  </si>
  <si>
    <t>Each item used to create the 'having a say and being heard' scale is presented individually. 
The questions were measured on a 7-point scale, from 'strongly disagree' (1) to 'strongly agree' (7), and included: 
(i) My local government is able to help our community face challenges; (ii) The people who make decisions for my community represent the whole community, not just part of it; 
(iii) I can get involved in local decision-making processes if I want to; and (iv) Most people around here get a fair go.</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 xml:space="preserve">Access to food was measured by asking respondents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to these statements were averaged to form a single measure of access to food by (i) reversing the scoring of ‘lack of affordable food/groceries at local shops’, so that low scores indicated poor access to affordable food, and high scores indicated good access to affordable food; and (ii) calculating the average score across the three variables. </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were reported as an average and at the proportional level of poor/moderate/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Each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Each item used to create the 'landscape and aesthetics' scale is presented individually. 
The questions were measured on a 7-point scale, from 'strongly disagree (1) to 'strongly agree' (7), and included: 
(i) I like the environment and surrounds I live in; (ii) There are attractive buildings / homes in my community; and 
(iii) There are attractive natural places in my community e.g. parks, bushland. </t>
  </si>
  <si>
    <t xml:space="preserve">Each item used to create the 'perceived environmental health' scale is presented individually. 
The questions were measured on a 7-point scale, from 'not a problem (1) to 'big problem' (7), and included: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
  </si>
  <si>
    <t>Each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Each item used to create the 'access to health, education and child care' scale is presented individually. 
The questions were measured on a 7-point scale, from 'very poor' (1) to 'very good' (7), and included: 
(i) General health services e.g. GP, general health consultation services; (ii) Mental health services e.g. psychologist, psychiatrist; 
(iii) Specialist health services (other than mental health); (iv) quality of local schools (v) access to child care.</t>
  </si>
  <si>
    <t>Female</t>
  </si>
  <si>
    <t>Male</t>
  </si>
  <si>
    <t>18-29 years old</t>
  </si>
  <si>
    <t>30-49 years old</t>
  </si>
  <si>
    <t>50-64 years old</t>
  </si>
  <si>
    <t>65+ years old</t>
  </si>
  <si>
    <t>Major Cities of Australia</t>
  </si>
  <si>
    <t>Inner Regional Australia</t>
  </si>
  <si>
    <t>Outer Regional Australia</t>
  </si>
  <si>
    <t>Remote Australia</t>
  </si>
  <si>
    <t>Very Remote Australia</t>
  </si>
  <si>
    <t>Australian born</t>
  </si>
  <si>
    <t>Inside Murray Darling Basin</t>
  </si>
  <si>
    <t>Outside Murray Darling Basin</t>
  </si>
  <si>
    <t>Southern Murray Darling Basin</t>
  </si>
  <si>
    <t>Northern Murray Darling Basin</t>
  </si>
  <si>
    <t>Aboriginal or Torres Strait Islander</t>
  </si>
  <si>
    <t>Born overseas in an English speaking country</t>
  </si>
  <si>
    <t>Born overseas in a non-English speaking country</t>
  </si>
  <si>
    <t>Not Aboriginal or Torres Strait Islander</t>
  </si>
  <si>
    <t>Gender</t>
  </si>
  <si>
    <t>Age groups</t>
  </si>
  <si>
    <t>About the groups: Australian general population</t>
  </si>
  <si>
    <t xml:space="preserve">Australia includes all of Australia, including all of the major cities. In total, 14,139 people from Australia took part in the 2018 Regional Wellbeing Survey, although not all these people answered every question on the survey. </t>
  </si>
  <si>
    <t xml:space="preserve">Regional Australia includes all of Australia except the cities of Sydney, Melbourne, Adelaide, Brisbane, Perth and Canberra. In total, 10,280 people from regional Australia took part in the 2018 Regional Wellbeing Survey, although not all these people answered every question on the survey. </t>
  </si>
  <si>
    <t>Geographical remoteness</t>
  </si>
  <si>
    <t>Murray Darling Basin</t>
  </si>
  <si>
    <t>English as a second language</t>
  </si>
  <si>
    <t xml:space="preserve">General population in the following age groups are presented in the data tables: People aged 18-29, people aged 30-49, people aged 50-64, and people aged 65 and over. A total of 1,832 people aged 18-29 took part in the 2018 Regional Wellbeing Survey, 3,838 people aged 30-49  took part in the 2018 Regional Wellbeing Survey, 4,205 people aged 50-64  took part in the 2018 Regional Wellbeing Survey, and 4,052 people aged 65 and over  took part in the 2018 Regional Wellbeing Survey, although not all these people answered every question on the survey. </t>
  </si>
  <si>
    <t>The general population residing in the following remoteness areas are presented in the data tables: People living in major cities of Australia, people living in inner regional Australia, people living in outer regional Australia, people living in remote Australia and people living in very remote Australia. A total of 5,117 people living in major cities of Australia took part in the 2018 Regional Wellbeing Survey, 5,170 people living in inner regional Australia Australia took part in the 2018 Regional Wellbeing Survey, 3,155 people living in outer regional Australia took part in the 2018 Regional Wellbeing Survey, 416 people living in remote Australia took part in the 2018 Regional Wellbeing Survey, and 145 people living in very remote Australia took part in the 2018 Regional Wellbeing Survey.</t>
  </si>
  <si>
    <t xml:space="preserve">The general population residing outside and inside the Murray Darling Basin is presented in the data tables. A total of 9,935 people living outside of the Murray Darling Basin took part in the 2018 Regional Wellbeing Survey, 4,050 people living within the Murray Darling Basin took part in the 2018 Regional Wellbeing Survey, 926 people living in northern Murray Darling Basin took part in the 2018 Regional Wellbeing Survey, and 3,124 people living in southern Murray Darling Basin took part in the 2018 Regional Wellbeing Survey. </t>
  </si>
  <si>
    <t>Origin of birth is presented in the data tables in the following categories: Australian born, born overseas in an English speaking country, and born overseas in a non-English speaking country. A total of 9,699 people born in Australia took part in the 2018 Regional Wellbeing Survey, 1,559 people born overseas in an English speaking country took part in the 2018 Regional Wellbeing Survey, and 922 people born overseas in a non-English speaking country took part in the 2018 Regional Wellbeing Survey.</t>
  </si>
  <si>
    <t>Aboriginal or Torres Strait Islander status is presented in the data tables: A total of 311 Aboriginal or Torres Strait Islander people took part in the 2018 Regional Wellbeing Survey, and 13,148 people who are not Aboriginal or Torres Strait Islander people took part in the 2018 Regional Wellbeing Survey.</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 from 'getting worse' (1) to 'getting better' (7). 
Responses were reported as an average and at the proportional level of getting worse/neither/getting better.</t>
  </si>
  <si>
    <t xml:space="preserve">The economic wellbeing of communities was measured by asking survey participants how much they agreed with the following four statements, from  'strongly disagree' (1) to 'strongly agree' (7): (i) Living costs are affordable here e.g. food, petrol, housing; (ii) This community is financially well-off; (iii) There are plenty of jobs available around here at the moment; and (iv) Local businesses in this town are doing pretty well at the moment.
Responses to these four statements were averaged to form a single measure of community economic wellbeing, measured from 1 (low levels of community economic wellbeing) to 7 (high levels of community economic wellbeing).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i) Mobile phone reception and (ii) access to high speed, reliable internet. Scores of 1 indicated low quality access and a score of 7 high quality access to telecommunications.
</t>
  </si>
  <si>
    <t>This file provides data from the 2018 Regional Wellbeing Survey for the Australian general population. The number of responses to each question vary because some questions were not asked of all survey participants; and not all respondents answered every question presented to them on the survey. Data reported in these tables have been weighted to correct for different intensity of sampling in different regions, unless stated otherwise. Data are reported for (i) Australia; (ii) regional Australia; (iii) urban Australia; (iv) geographical remoteness; (v) Murray Darling Basin; (vi) gender; (vii) age (viii) English as a second language; and (ix) Aboriginal and Torres Strait Islander.</t>
  </si>
  <si>
    <t xml:space="preserve">Urban Australia includes the cities and surrounding suburban areas of Sydney, Melbourne, Adelaide, Brisbane, Perth and Canberra. In total, 3,859 people from these cities took part in the 2018 Regional Wellbeing Survey, although not all these people answered every question on the survey. </t>
  </si>
  <si>
    <t>Gender includes and is presented in the data tables of all who stated that they are either female or male. In total, 8,411 females took part in the 2018 Regional Wellbeing Survey and 5,588 males, although not all of these people answered every question on the survey. A further 45 people selected 'other' for gender and 76 people preferred not to state their gender; both groups are not included in the data tables.</t>
  </si>
  <si>
    <t xml:space="preserve">You may reproduce the data in this spreadsheet for any purpose, providing you acknowledge the data source. Data should be cited as being sourced from the 2018 Regional Wellbeing Survey, Australian General Population, Version 1.02 January 2020.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s>
  <cellStyleXfs count="39">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418">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8" fillId="3" borderId="0" xfId="0" applyFont="1" applyFill="1" applyAlignment="1"/>
    <xf numFmtId="0" fontId="9" fillId="3" borderId="0" xfId="0" applyFont="1" applyFill="1" applyAlignment="1"/>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0" fillId="3" borderId="0" xfId="0" quotePrefix="1" applyFill="1" applyAlignment="1"/>
    <xf numFmtId="0" fontId="0" fillId="3" borderId="0" xfId="0" applyFill="1" applyAlignment="1"/>
    <xf numFmtId="0" fontId="12" fillId="0" borderId="0" xfId="0" applyFont="1"/>
    <xf numFmtId="0" fontId="17" fillId="6" borderId="1" xfId="0" applyFont="1" applyFill="1" applyBorder="1" applyAlignment="1">
      <alignment horizontal="left" vertical="top"/>
    </xf>
    <xf numFmtId="0" fontId="18" fillId="6" borderId="1" xfId="29" applyFont="1" applyFill="1" applyBorder="1" applyAlignment="1">
      <alignment horizontal="left" vertical="top" wrapText="1"/>
    </xf>
    <xf numFmtId="168" fontId="18" fillId="6" borderId="1" xfId="29" applyNumberFormat="1" applyFont="1" applyFill="1" applyBorder="1" applyAlignment="1">
      <alignment horizontal="left" vertical="top" wrapText="1"/>
    </xf>
    <xf numFmtId="168" fontId="19" fillId="6" borderId="1" xfId="29"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9"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9" quotePrefix="1" applyFont="1" applyFill="1" applyBorder="1" applyAlignment="1">
      <alignment horizontal="left" vertical="top" wrapText="1"/>
    </xf>
    <xf numFmtId="0" fontId="18" fillId="7" borderId="1" xfId="29" applyFont="1" applyFill="1" applyBorder="1" applyAlignment="1">
      <alignment horizontal="left" vertical="top" wrapText="1"/>
    </xf>
    <xf numFmtId="168" fontId="18" fillId="7" borderId="1" xfId="29" applyNumberFormat="1" applyFont="1" applyFill="1" applyBorder="1" applyAlignment="1">
      <alignment horizontal="left" vertical="top" wrapText="1"/>
    </xf>
    <xf numFmtId="168" fontId="19" fillId="7" borderId="1" xfId="29"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9"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3" applyNumberFormat="1" applyFont="1" applyFill="1" applyBorder="1" applyAlignment="1">
      <alignment horizontal="left" vertical="center"/>
    </xf>
    <xf numFmtId="168" fontId="20" fillId="0" borderId="1" xfId="31"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1"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5" fontId="20" fillId="0" borderId="1" xfId="30"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5" fontId="20" fillId="4" borderId="1" xfId="30"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0"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7" fontId="19" fillId="7" borderId="1" xfId="29" applyNumberFormat="1" applyFont="1" applyFill="1" applyBorder="1" applyAlignment="1">
      <alignment horizontal="left" vertical="top" wrapText="1"/>
    </xf>
    <xf numFmtId="167" fontId="19" fillId="6" borderId="1" xfId="29"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6" fontId="20" fillId="0" borderId="1" xfId="6"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166" fontId="20" fillId="0"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8"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8"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27" applyNumberFormat="1" applyFont="1" applyFill="1" applyBorder="1" applyAlignment="1">
      <alignment horizontal="left" vertical="center"/>
    </xf>
    <xf numFmtId="168" fontId="20"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0"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8" fontId="20" fillId="4" borderId="1" xfId="36"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4" applyNumberFormat="1" applyFont="1" applyFill="1" applyBorder="1" applyAlignment="1">
      <alignment horizontal="left" vertical="center"/>
    </xf>
    <xf numFmtId="168" fontId="20" fillId="0" borderId="1" xfId="34" applyNumberFormat="1" applyFont="1" applyFill="1" applyBorder="1" applyAlignment="1">
      <alignment horizontal="left" vertical="center"/>
    </xf>
    <xf numFmtId="165" fontId="20" fillId="4" borderId="1" xfId="34" applyNumberFormat="1" applyFont="1" applyFill="1" applyBorder="1" applyAlignment="1">
      <alignment horizontal="left" vertical="center"/>
    </xf>
    <xf numFmtId="168" fontId="20" fillId="4" borderId="1" xfId="34" applyNumberFormat="1" applyFont="1" applyFill="1" applyBorder="1" applyAlignment="1">
      <alignment horizontal="left" vertical="center"/>
    </xf>
    <xf numFmtId="164" fontId="20" fillId="0" borderId="1" xfId="3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9"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9"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7" applyNumberFormat="1" applyFont="1" applyFill="1" applyBorder="1" applyAlignment="1">
      <alignment horizontal="left" vertical="center"/>
    </xf>
    <xf numFmtId="164" fontId="20" fillId="0" borderId="1" xfId="37" applyNumberFormat="1" applyFont="1" applyFill="1" applyBorder="1" applyAlignment="1">
      <alignment horizontal="left" vertical="center"/>
    </xf>
    <xf numFmtId="165" fontId="20" fillId="4" borderId="1" xfId="37" applyNumberFormat="1" applyFont="1" applyFill="1" applyBorder="1" applyAlignment="1">
      <alignment horizontal="left" vertical="center"/>
    </xf>
    <xf numFmtId="164" fontId="20" fillId="4" borderId="1" xfId="37"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4" fontId="20" fillId="0" borderId="1" xfId="32" applyNumberFormat="1" applyFont="1" applyFill="1" applyBorder="1" applyAlignment="1">
      <alignment horizontal="left" vertical="center"/>
    </xf>
    <xf numFmtId="164" fontId="20" fillId="4" borderId="1" xfId="32"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8" fillId="3" borderId="0" xfId="0" applyFont="1" applyFill="1" applyAlignment="1">
      <alignment horizontal="left"/>
    </xf>
    <xf numFmtId="0" fontId="5" fillId="3" borderId="0" xfId="0" applyFont="1" applyFill="1" applyAlignment="1">
      <alignment horizontal="lef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xf numFmtId="0" fontId="32" fillId="3" borderId="0" xfId="1" quotePrefix="1" applyFont="1" applyFill="1"/>
    <xf numFmtId="0" fontId="15" fillId="0" borderId="0" xfId="3"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0" fontId="15" fillId="0" borderId="0" xfId="4" quotePrefix="1" applyFont="1" applyFill="1" applyBorder="1" applyAlignment="1">
      <alignment vertical="top" wrapText="1"/>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167" fontId="19" fillId="7" borderId="3" xfId="29"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5" quotePrefix="1" applyFont="1" applyFill="1" applyBorder="1" applyAlignment="1">
      <alignment vertical="top" wrapText="1"/>
    </xf>
    <xf numFmtId="0" fontId="19" fillId="6" borderId="1" xfId="29"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9"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9"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3" borderId="0" xfId="0" quotePrefix="1" applyFill="1"/>
    <xf numFmtId="0" fontId="0" fillId="3" borderId="0" xfId="0" applyFill="1"/>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29" applyNumberFormat="1" applyFont="1" applyFill="1" applyBorder="1" applyAlignment="1">
      <alignment horizontal="left" vertical="center"/>
    </xf>
    <xf numFmtId="167" fontId="20" fillId="4" borderId="1" xfId="29" applyNumberFormat="1" applyFont="1" applyFill="1" applyBorder="1" applyAlignment="1">
      <alignment horizontal="left" vertical="center"/>
    </xf>
    <xf numFmtId="167" fontId="20" fillId="0" borderId="1" xfId="31" applyNumberFormat="1" applyFont="1" applyFill="1" applyBorder="1" applyAlignment="1">
      <alignment horizontal="left" vertical="center"/>
    </xf>
    <xf numFmtId="167" fontId="22" fillId="0" borderId="1" xfId="33" applyNumberFormat="1" applyFont="1" applyFill="1" applyBorder="1" applyAlignment="1">
      <alignment horizontal="left" vertical="center"/>
    </xf>
    <xf numFmtId="167" fontId="20" fillId="0" borderId="1" xfId="33" applyNumberFormat="1" applyFont="1" applyFill="1" applyBorder="1" applyAlignment="1">
      <alignment horizontal="left" vertical="center"/>
    </xf>
    <xf numFmtId="167" fontId="20" fillId="4" borderId="1" xfId="31" applyNumberFormat="1" applyFont="1" applyFill="1" applyBorder="1" applyAlignment="1">
      <alignment horizontal="left" vertical="center"/>
    </xf>
    <xf numFmtId="167" fontId="22" fillId="4" borderId="1" xfId="33" applyNumberFormat="1" applyFont="1" applyFill="1" applyBorder="1" applyAlignment="1">
      <alignment horizontal="left" vertical="center"/>
    </xf>
    <xf numFmtId="167" fontId="20" fillId="4" borderId="1" xfId="33"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0"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0" applyNumberFormat="1" applyFont="1" applyFill="1" applyBorder="1" applyAlignment="1">
      <alignment horizontal="left" vertical="center"/>
    </xf>
    <xf numFmtId="167" fontId="20" fillId="0" borderId="1" xfId="25" applyNumberFormat="1" applyFont="1" applyFill="1" applyBorder="1" applyAlignment="1">
      <alignment horizontal="left" vertical="center"/>
    </xf>
    <xf numFmtId="167" fontId="22" fillId="0" borderId="1" xfId="25" applyNumberFormat="1" applyFont="1" applyFill="1" applyBorder="1" applyAlignment="1">
      <alignment horizontal="left" vertical="center"/>
    </xf>
    <xf numFmtId="0" fontId="14" fillId="4" borderId="0" xfId="0" applyFont="1" applyFill="1" applyBorder="1" applyAlignment="1">
      <alignment vertical="top"/>
    </xf>
    <xf numFmtId="0" fontId="15" fillId="0" borderId="0" xfId="4"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5" fillId="0" borderId="0" xfId="3" quotePrefix="1" applyFont="1" applyFill="1" applyBorder="1" applyAlignment="1">
      <alignment vertical="top" wrapText="1"/>
    </xf>
    <xf numFmtId="0" fontId="16" fillId="5" borderId="6" xfId="29" quotePrefix="1" applyFont="1" applyFill="1" applyBorder="1" applyAlignment="1">
      <alignment vertical="top" wrapText="1"/>
    </xf>
    <xf numFmtId="0" fontId="16" fillId="5" borderId="2" xfId="29" quotePrefix="1" applyFont="1" applyFill="1" applyBorder="1" applyAlignment="1">
      <alignment vertical="top" wrapText="1"/>
    </xf>
    <xf numFmtId="0" fontId="0" fillId="0" borderId="0" xfId="0" applyAlignment="1"/>
    <xf numFmtId="0" fontId="0" fillId="0" borderId="0" xfId="0" applyFill="1" applyAlignment="1"/>
    <xf numFmtId="0" fontId="16" fillId="5" borderId="6" xfId="23" applyFont="1" applyFill="1" applyBorder="1" applyAlignment="1">
      <alignment vertical="top" wrapText="1"/>
    </xf>
    <xf numFmtId="0" fontId="16" fillId="5" borderId="1" xfId="23" applyFont="1" applyFill="1" applyBorder="1" applyAlignment="1">
      <alignment horizontal="left" vertical="top"/>
    </xf>
    <xf numFmtId="0" fontId="5" fillId="2" borderId="0" xfId="0" applyFont="1" applyFill="1" applyAlignment="1">
      <alignment wrapText="1"/>
    </xf>
    <xf numFmtId="0" fontId="16" fillId="5" borderId="1" xfId="29" quotePrefix="1" applyFont="1" applyFill="1" applyBorder="1" applyAlignment="1">
      <alignment horizontal="left" vertical="top" wrapText="1"/>
    </xf>
    <xf numFmtId="0" fontId="33"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0" fillId="3" borderId="0" xfId="0" quotePrefix="1" applyFill="1"/>
    <xf numFmtId="0" fontId="0" fillId="3" borderId="0" xfId="0" applyFill="1"/>
    <xf numFmtId="0" fontId="0" fillId="3" borderId="0" xfId="0" quotePrefix="1" applyFill="1"/>
    <xf numFmtId="0" fontId="16" fillId="5" borderId="1" xfId="29" quotePrefix="1" applyFont="1" applyFill="1" applyBorder="1" applyAlignment="1">
      <alignment horizontal="left" vertical="top" wrapText="1"/>
    </xf>
    <xf numFmtId="0" fontId="16" fillId="5" borderId="6" xfId="23" applyFont="1" applyFill="1" applyBorder="1" applyAlignment="1">
      <alignment vertical="top" wrapText="1"/>
    </xf>
    <xf numFmtId="0" fontId="23" fillId="4" borderId="1" xfId="0" applyFont="1" applyFill="1" applyBorder="1" applyAlignment="1">
      <alignment horizontal="left" vertical="center" wrapText="1"/>
    </xf>
    <xf numFmtId="0" fontId="5" fillId="3" borderId="0" xfId="0" applyFont="1" applyFill="1" applyAlignment="1">
      <alignment vertical="top" wrapText="1"/>
    </xf>
    <xf numFmtId="0" fontId="27" fillId="3" borderId="0" xfId="0" applyFont="1" applyFill="1" applyAlignment="1">
      <alignment vertical="center" wrapText="1"/>
    </xf>
    <xf numFmtId="0" fontId="27" fillId="3" borderId="0" xfId="0" applyFont="1" applyFill="1" applyAlignment="1">
      <alignment vertical="top" wrapText="1"/>
    </xf>
    <xf numFmtId="0" fontId="26" fillId="3" borderId="0" xfId="0" applyFont="1" applyFill="1" applyAlignment="1">
      <alignment vertical="top" wrapText="1"/>
    </xf>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1" fontId="32" fillId="3" borderId="0" xfId="1" applyNumberFormat="1" applyFont="1" applyFill="1" applyAlignment="1">
      <alignment horizontal="left"/>
    </xf>
    <xf numFmtId="0" fontId="8" fillId="3" borderId="0" xfId="0" applyFont="1" applyFill="1" applyAlignment="1">
      <alignment horizontal="left"/>
    </xf>
    <xf numFmtId="0" fontId="13" fillId="3" borderId="0" xfId="0" applyFont="1" applyFill="1" applyAlignment="1">
      <alignment horizontal="left"/>
    </xf>
    <xf numFmtId="0" fontId="3" fillId="3" borderId="0" xfId="1" applyFill="1" applyAlignment="1">
      <alignment horizontal="left"/>
    </xf>
    <xf numFmtId="0" fontId="32" fillId="3" borderId="0" xfId="1" applyFont="1" applyFill="1" applyAlignment="1">
      <alignment horizontal="left"/>
    </xf>
    <xf numFmtId="0" fontId="16" fillId="5" borderId="3" xfId="29" quotePrefix="1" applyFont="1" applyFill="1" applyBorder="1" applyAlignment="1">
      <alignment vertical="top" wrapText="1"/>
    </xf>
    <xf numFmtId="0" fontId="16" fillId="5" borderId="4" xfId="29" quotePrefix="1" applyFont="1" applyFill="1" applyBorder="1" applyAlignment="1">
      <alignment vertical="top" wrapText="1"/>
    </xf>
    <xf numFmtId="0" fontId="16" fillId="5" borderId="5" xfId="29" quotePrefix="1" applyFont="1" applyFill="1" applyBorder="1" applyAlignment="1">
      <alignment vertical="top" wrapText="1"/>
    </xf>
    <xf numFmtId="0" fontId="16" fillId="5" borderId="6" xfId="29" quotePrefix="1" applyFont="1" applyFill="1" applyBorder="1" applyAlignment="1">
      <alignment horizontal="left" vertical="top" wrapText="1"/>
    </xf>
    <xf numFmtId="0" fontId="16" fillId="5" borderId="2" xfId="29" quotePrefix="1" applyFont="1" applyFill="1" applyBorder="1" applyAlignment="1">
      <alignment horizontal="left" vertical="top" wrapText="1"/>
    </xf>
    <xf numFmtId="0" fontId="16" fillId="5" borderId="3" xfId="29" quotePrefix="1" applyFont="1" applyFill="1" applyBorder="1" applyAlignment="1">
      <alignment horizontal="left" vertical="top" wrapText="1"/>
    </xf>
    <xf numFmtId="0" fontId="16" fillId="5" borderId="4" xfId="29" quotePrefix="1" applyFont="1" applyFill="1" applyBorder="1" applyAlignment="1">
      <alignment horizontal="left" vertical="top" wrapText="1"/>
    </xf>
    <xf numFmtId="0" fontId="16" fillId="5" borderId="5" xfId="29" quotePrefix="1" applyFont="1" applyFill="1" applyBorder="1" applyAlignment="1">
      <alignment horizontal="left" vertical="top" wrapText="1"/>
    </xf>
    <xf numFmtId="0" fontId="15" fillId="0" borderId="2" xfId="29" quotePrefix="1" applyFont="1" applyFill="1" applyBorder="1" applyAlignment="1">
      <alignment horizontal="left" vertical="top" wrapText="1"/>
    </xf>
    <xf numFmtId="0" fontId="14" fillId="4" borderId="0" xfId="0" applyFont="1" applyFill="1" applyBorder="1" applyAlignment="1">
      <alignment horizontal="left" vertical="top"/>
    </xf>
    <xf numFmtId="0" fontId="14" fillId="4" borderId="0" xfId="0" applyFont="1" applyFill="1" applyBorder="1" applyAlignment="1">
      <alignment vertical="top"/>
    </xf>
    <xf numFmtId="0" fontId="15" fillId="0" borderId="0" xfId="29" applyFont="1" applyFill="1" applyBorder="1" applyAlignment="1">
      <alignment horizontal="left" vertical="top" wrapText="1"/>
    </xf>
    <xf numFmtId="0" fontId="15" fillId="0" borderId="0" xfId="29" quotePrefix="1" applyFont="1" applyFill="1" applyBorder="1" applyAlignment="1">
      <alignment horizontal="left" vertical="top" wrapText="1"/>
    </xf>
    <xf numFmtId="0" fontId="15" fillId="0" borderId="2" xfId="5" quotePrefix="1" applyFont="1" applyFill="1" applyBorder="1" applyAlignment="1">
      <alignment vertical="top" wrapText="1"/>
    </xf>
    <xf numFmtId="0" fontId="15" fillId="0" borderId="2" xfId="5" quotePrefix="1" applyFont="1" applyFill="1" applyBorder="1" applyAlignment="1">
      <alignment horizontal="left" vertical="top" wrapText="1"/>
    </xf>
    <xf numFmtId="0" fontId="16" fillId="5" borderId="1" xfId="23"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5" fillId="0" borderId="0" xfId="2" quotePrefix="1"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6" fillId="5" borderId="6" xfId="6" applyFont="1" applyFill="1" applyBorder="1" applyAlignment="1">
      <alignment horizontal="left" vertical="top" wrapText="1"/>
    </xf>
    <xf numFmtId="0" fontId="16" fillId="5" borderId="2" xfId="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167" fontId="14" fillId="4" borderId="0" xfId="0" applyNumberFormat="1" applyFont="1" applyFill="1" applyBorder="1" applyAlignment="1">
      <alignment horizontal="left" vertical="top"/>
    </xf>
    <xf numFmtId="0" fontId="16" fillId="5" borderId="6" xfId="0" applyFont="1" applyFill="1" applyBorder="1" applyAlignment="1">
      <alignment horizontal="left" vertical="top" wrapText="1"/>
    </xf>
    <xf numFmtId="0" fontId="16" fillId="5" borderId="2" xfId="0"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2" xfId="26" applyFont="1" applyBorder="1" applyAlignment="1">
      <alignment horizontal="left" vertical="top" wrapText="1"/>
    </xf>
    <xf numFmtId="0" fontId="16" fillId="5" borderId="6" xfId="26" applyFont="1" applyFill="1" applyBorder="1" applyAlignment="1">
      <alignment horizontal="left" vertical="top" wrapText="1"/>
    </xf>
    <xf numFmtId="0" fontId="16" fillId="5" borderId="2" xfId="26" applyFont="1" applyFill="1" applyBorder="1" applyAlignment="1">
      <alignment horizontal="left" vertical="top" wrapText="1"/>
    </xf>
    <xf numFmtId="0" fontId="16" fillId="5" borderId="7" xfId="26" applyFont="1" applyFill="1" applyBorder="1" applyAlignment="1">
      <alignment horizontal="lef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xf>
    <xf numFmtId="0" fontId="16" fillId="5" borderId="5" xfId="26" applyFont="1" applyFill="1" applyBorder="1" applyAlignment="1">
      <alignment horizontal="left" vertical="top"/>
    </xf>
    <xf numFmtId="0" fontId="15" fillId="0" borderId="0" xfId="2" applyFont="1" applyFill="1" applyBorder="1" applyAlignment="1">
      <alignment horizontal="left" vertical="top" wrapText="1"/>
    </xf>
    <xf numFmtId="0" fontId="30" fillId="0" borderId="2" xfId="2" quotePrefix="1" applyFont="1" applyFill="1" applyBorder="1" applyAlignment="1">
      <alignment horizontal="left" vertical="top" wrapText="1"/>
    </xf>
    <xf numFmtId="0" fontId="15" fillId="0" borderId="0" xfId="2" quotePrefix="1" applyFont="1" applyAlignment="1">
      <alignment horizontal="left" vertical="top" wrapText="1"/>
    </xf>
    <xf numFmtId="0" fontId="16" fillId="5" borderId="6" xfId="5" applyFont="1" applyFill="1" applyBorder="1" applyAlignment="1">
      <alignment vertical="top" wrapText="1"/>
    </xf>
    <xf numFmtId="0" fontId="16" fillId="5" borderId="2" xfId="5"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2" xfId="26" applyFont="1" applyFill="1" applyBorder="1" applyAlignment="1">
      <alignment horizontal="left" vertical="top"/>
    </xf>
    <xf numFmtId="0" fontId="15" fillId="0" borderId="0" xfId="5" quotePrefix="1" applyFont="1" applyAlignment="1">
      <alignment horizontal="left" vertical="top" wrapText="1"/>
    </xf>
    <xf numFmtId="0" fontId="16" fillId="5" borderId="3" xfId="26" applyFont="1" applyFill="1" applyBorder="1" applyAlignment="1">
      <alignment horizontal="left" vertical="top"/>
    </xf>
    <xf numFmtId="0" fontId="16" fillId="5" borderId="3" xfId="28" applyFont="1" applyFill="1" applyBorder="1" applyAlignment="1">
      <alignment vertical="top" wrapText="1"/>
    </xf>
    <xf numFmtId="0" fontId="16" fillId="5" borderId="4" xfId="28" applyFont="1" applyFill="1" applyBorder="1" applyAlignment="1">
      <alignment vertical="top" wrapText="1"/>
    </xf>
    <xf numFmtId="0" fontId="16" fillId="5" borderId="1" xfId="0" applyFont="1" applyFill="1" applyBorder="1" applyAlignment="1">
      <alignment horizontal="left" vertical="top"/>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horizontal="left" vertical="top" wrapText="1"/>
    </xf>
    <xf numFmtId="0" fontId="16" fillId="5" borderId="2" xfId="23" applyFont="1" applyFill="1" applyBorder="1" applyAlignment="1">
      <alignment horizontal="left" vertical="top" wrapText="1"/>
    </xf>
    <xf numFmtId="0" fontId="16" fillId="5" borderId="7" xfId="23" applyFont="1" applyFill="1" applyBorder="1" applyAlignment="1">
      <alignment horizontal="left" vertical="top" wrapText="1"/>
    </xf>
    <xf numFmtId="0" fontId="16" fillId="5" borderId="1" xfId="29" quotePrefix="1" applyFont="1" applyFill="1" applyBorder="1" applyAlignment="1">
      <alignment horizontal="left" vertical="top" wrapText="1"/>
    </xf>
    <xf numFmtId="0" fontId="16" fillId="5" borderId="1" xfId="0" applyFont="1" applyFill="1" applyBorder="1" applyAlignment="1">
      <alignment horizontal="left" vertical="top" wrapText="1"/>
    </xf>
    <xf numFmtId="0" fontId="15" fillId="0" borderId="0" xfId="4" quotePrefix="1"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4" xfId="23" applyFont="1" applyFill="1" applyBorder="1" applyAlignment="1">
      <alignment horizontal="left" vertical="top"/>
    </xf>
    <xf numFmtId="0" fontId="16" fillId="5" borderId="5" xfId="23" applyFont="1" applyFill="1" applyBorder="1" applyAlignment="1">
      <alignment horizontal="left" vertical="top"/>
    </xf>
    <xf numFmtId="0" fontId="15" fillId="0" borderId="2" xfId="4" quotePrefix="1" applyFont="1" applyFill="1" applyBorder="1" applyAlignment="1">
      <alignment horizontal="left" vertical="top" wrapText="1"/>
    </xf>
    <xf numFmtId="0" fontId="15" fillId="0" borderId="0" xfId="4" quotePrefix="1" applyFont="1" applyFill="1" applyBorder="1" applyAlignment="1">
      <alignment vertical="top" wrapText="1"/>
    </xf>
    <xf numFmtId="0" fontId="16" fillId="5" borderId="1" xfId="0" quotePrefix="1" applyFont="1" applyFill="1" applyBorder="1" applyAlignment="1">
      <alignment horizontal="left" vertical="top" wrapText="1"/>
    </xf>
    <xf numFmtId="0" fontId="15" fillId="0" borderId="0" xfId="7" quotePrefix="1" applyFont="1" applyAlignment="1">
      <alignment horizontal="left" vertical="top" wrapText="1"/>
    </xf>
    <xf numFmtId="0" fontId="16" fillId="5" borderId="1" xfId="23" quotePrefix="1" applyFont="1" applyFill="1" applyBorder="1" applyAlignment="1">
      <alignment horizontal="lef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6" fillId="5" borderId="1" xfId="23" applyFont="1" applyFill="1" applyBorder="1" applyAlignment="1">
      <alignment horizontal="left" vertical="top"/>
    </xf>
    <xf numFmtId="0" fontId="15" fillId="0" borderId="2" xfId="3" quotePrefix="1" applyFont="1" applyFill="1" applyBorder="1" applyAlignment="1">
      <alignment horizontal="left" vertical="top" wrapText="1"/>
    </xf>
    <xf numFmtId="0" fontId="15" fillId="0" borderId="0" xfId="3" quotePrefix="1" applyFont="1" applyFill="1" applyBorder="1" applyAlignment="1">
      <alignment horizontal="left" vertical="top" wrapText="1"/>
    </xf>
    <xf numFmtId="0" fontId="16" fillId="5" borderId="8" xfId="23" applyFont="1" applyFill="1" applyBorder="1" applyAlignment="1">
      <alignment horizontal="left" vertical="top" wrapText="1"/>
    </xf>
    <xf numFmtId="0" fontId="16" fillId="5" borderId="9" xfId="23" applyFont="1" applyFill="1" applyBorder="1" applyAlignment="1">
      <alignment horizontal="left" vertical="top" wrapText="1"/>
    </xf>
    <xf numFmtId="0" fontId="16" fillId="5" borderId="10" xfId="23" applyFont="1" applyFill="1" applyBorder="1" applyAlignment="1">
      <alignment horizontal="left" vertical="top" wrapText="1"/>
    </xf>
    <xf numFmtId="0" fontId="16" fillId="5" borderId="11" xfId="23" applyFont="1" applyFill="1" applyBorder="1" applyAlignment="1">
      <alignment horizontal="left" vertical="top" wrapText="1"/>
    </xf>
    <xf numFmtId="0" fontId="16" fillId="5" borderId="0" xfId="23" applyFont="1" applyFill="1" applyBorder="1" applyAlignment="1">
      <alignment horizontal="left" vertical="top" wrapText="1"/>
    </xf>
    <xf numFmtId="0" fontId="15" fillId="0" borderId="0" xfId="3" quotePrefix="1" applyFont="1" applyBorder="1" applyAlignment="1">
      <alignment horizontal="left" vertical="top" wrapText="1"/>
    </xf>
    <xf numFmtId="0" fontId="14" fillId="4" borderId="0" xfId="0" applyFont="1" applyFill="1" applyAlignment="1">
      <alignment horizontal="left" vertical="top"/>
    </xf>
    <xf numFmtId="0" fontId="15" fillId="0" borderId="2" xfId="3" quotePrefix="1" applyFont="1" applyBorder="1" applyAlignment="1">
      <alignment horizontal="left" vertical="top" wrapText="1"/>
    </xf>
    <xf numFmtId="0" fontId="15" fillId="0" borderId="0" xfId="3" quotePrefix="1" applyFont="1" applyAlignment="1">
      <alignment horizontal="left" vertical="top" wrapText="1"/>
    </xf>
    <xf numFmtId="0" fontId="14" fillId="4" borderId="0" xfId="0" applyFont="1" applyFill="1" applyBorder="1" applyAlignment="1">
      <alignment horizontal="left" vertical="top" wrapText="1"/>
    </xf>
    <xf numFmtId="0" fontId="15" fillId="0" borderId="2" xfId="3" quotePrefix="1" applyFont="1" applyFill="1" applyBorder="1" applyAlignment="1">
      <alignment vertical="top" wrapText="1"/>
    </xf>
  </cellXfs>
  <cellStyles count="39">
    <cellStyle name="Hyperlink" xfId="1" builtinId="8"/>
    <cellStyle name="Normal" xfId="0" builtinId="0"/>
    <cellStyle name="Normal 2" xfId="38"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7000000}"/>
    <cellStyle name="Normal_Equity" xfId="7" xr:uid="{00000000-0005-0000-0000-000008000000}"/>
    <cellStyle name="Normal_FamilyFriends" xfId="8" xr:uid="{00000000-0005-0000-0000-000009000000}"/>
    <cellStyle name="Normal_GenHealth" xfId="9" xr:uid="{00000000-0005-0000-0000-00000A000000}"/>
    <cellStyle name="Normal_GettingInvolved" xfId="10" xr:uid="{00000000-0005-0000-0000-00000B000000}"/>
    <cellStyle name="Normal_HouseholdFinance" xfId="11" xr:uid="{00000000-0005-0000-0000-00000C000000}"/>
    <cellStyle name="Normal_HouseholdFinWB" xfId="12" xr:uid="{00000000-0005-0000-0000-00000D000000}"/>
    <cellStyle name="Normal_K10" xfId="13" xr:uid="{00000000-0005-0000-0000-00000E000000}"/>
    <cellStyle name="Normal_liveability" xfId="14" xr:uid="{00000000-0005-0000-0000-00000F000000}"/>
    <cellStyle name="Normal_Mean2" xfId="15" xr:uid="{00000000-0005-0000-0000-000010000000}"/>
    <cellStyle name="Normal_Migration" xfId="16" xr:uid="{00000000-0005-0000-0000-000011000000}"/>
    <cellStyle name="Normal_NaturalCap" xfId="17" xr:uid="{00000000-0005-0000-0000-000012000000}"/>
    <cellStyle name="Normal_PhysCrime" xfId="18" xr:uid="{00000000-0005-0000-0000-000013000000}"/>
    <cellStyle name="Normal_PhysFinance" xfId="19" xr:uid="{00000000-0005-0000-0000-000014000000}"/>
    <cellStyle name="Normal_PhysLandscape" xfId="20" xr:uid="{00000000-0005-0000-0000-000015000000}"/>
    <cellStyle name="Normal_PhysTelecom" xfId="21" xr:uid="{00000000-0005-0000-0000-000016000000}"/>
    <cellStyle name="Normal_PWI_1" xfId="22" xr:uid="{00000000-0005-0000-0000-000017000000}"/>
    <cellStyle name="Normal_Self efficacy" xfId="23" xr:uid="{00000000-0005-0000-0000-000018000000}"/>
    <cellStyle name="Normal_Sheet1" xfId="24" xr:uid="{00000000-0005-0000-0000-000019000000}"/>
    <cellStyle name="Normal_Sheet1_1" xfId="25" xr:uid="{00000000-0005-0000-0000-00001A000000}"/>
    <cellStyle name="Normal_Sheet10" xfId="26" xr:uid="{00000000-0005-0000-0000-00001B000000}"/>
    <cellStyle name="Normal_Sheet12" xfId="27" xr:uid="{00000000-0005-0000-0000-00001C000000}"/>
    <cellStyle name="Normal_Sheet13" xfId="28" xr:uid="{00000000-0005-0000-0000-00001D000000}"/>
    <cellStyle name="Normal_Sheet2_1" xfId="29" xr:uid="{00000000-0005-0000-0000-00001E000000}"/>
    <cellStyle name="Normal_Sheet4" xfId="30" xr:uid="{00000000-0005-0000-0000-00001F000000}"/>
    <cellStyle name="Normal_Sheet5" xfId="31" xr:uid="{00000000-0005-0000-0000-000020000000}"/>
    <cellStyle name="Normal_Sheet5_1" xfId="32" xr:uid="{00000000-0005-0000-0000-000021000000}"/>
    <cellStyle name="Normal_Sheet6" xfId="33" xr:uid="{00000000-0005-0000-0000-000022000000}"/>
    <cellStyle name="Normal_Sheet7" xfId="34" xr:uid="{00000000-0005-0000-0000-000023000000}"/>
    <cellStyle name="Normal_Sheet7_1" xfId="35" xr:uid="{00000000-0005-0000-0000-000024000000}"/>
    <cellStyle name="Normal_Sheet8" xfId="36" xr:uid="{00000000-0005-0000-0000-000025000000}"/>
    <cellStyle name="Normal_Volunteering" xfId="37" xr:uid="{00000000-0005-0000-0000-000026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0</xdr:col>
      <xdr:colOff>533398</xdr:colOff>
      <xdr:row>35</xdr:row>
      <xdr:rowOff>47624</xdr:rowOff>
    </xdr:to>
    <xdr:pic>
      <xdr:nvPicPr>
        <xdr:cNvPr id="4" name="Picture 3">
          <a:extLst>
            <a:ext uri="{FF2B5EF4-FFF2-40B4-BE49-F238E27FC236}">
              <a16:creationId xmlns:a16="http://schemas.microsoft.com/office/drawing/2014/main" id="{53FB8DF4-8D1C-4964-8FA9-378AD6FE6810}"/>
            </a:ext>
          </a:extLst>
        </xdr:cNvPr>
        <xdr:cNvPicPr>
          <a:picLocks noChangeAspect="1"/>
        </xdr:cNvPicPr>
      </xdr:nvPicPr>
      <xdr:blipFill>
        <a:blip xmlns:r="http://schemas.openxmlformats.org/officeDocument/2006/relationships" r:embed="rId1"/>
        <a:stretch>
          <a:fillRect/>
        </a:stretch>
      </xdr:blipFill>
      <xdr:spPr>
        <a:xfrm>
          <a:off x="0" y="0"/>
          <a:ext cx="12344398" cy="6943724"/>
        </a:xfrm>
        <a:prstGeom prst="rect">
          <a:avLst/>
        </a:prstGeom>
      </xdr:spPr>
    </xdr:pic>
    <xdr:clientData/>
  </xdr:twoCellAnchor>
</xdr:wsDr>
</file>

<file path=xl/theme/theme1.xml><?xml version="1.0" encoding="utf-8"?>
<a:theme xmlns:a="http://schemas.openxmlformats.org/drawingml/2006/main" name="Kilter">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heetViews>
  <sheetFormatPr defaultColWidth="8.85546875" defaultRowHeight="15"/>
  <cols>
    <col min="1" max="16384" width="8.85546875" style="2"/>
  </cols>
  <sheetData>
    <row r="1" spans="11:19" ht="23.25">
      <c r="Q1" s="229"/>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S233"/>
  <sheetViews>
    <sheetView zoomScaleNormal="100" workbookViewId="0"/>
  </sheetViews>
  <sheetFormatPr defaultColWidth="18.5703125" defaultRowHeight="15"/>
  <cols>
    <col min="1" max="1" width="57" customWidth="1"/>
  </cols>
  <sheetData>
    <row r="1" spans="1:4" ht="31.5">
      <c r="A1" s="31" t="s">
        <v>44</v>
      </c>
    </row>
    <row r="3" spans="1:4" ht="18.75">
      <c r="A3" s="337" t="s">
        <v>12</v>
      </c>
      <c r="B3" s="337"/>
      <c r="C3" s="337"/>
      <c r="D3" s="337"/>
    </row>
    <row r="4" spans="1:4" ht="105" customHeight="1">
      <c r="A4" s="391" t="s">
        <v>392</v>
      </c>
      <c r="B4" s="391"/>
      <c r="C4" s="391"/>
      <c r="D4" s="391"/>
    </row>
    <row r="5" spans="1:4" ht="42" customHeight="1">
      <c r="A5" s="389" t="s">
        <v>128</v>
      </c>
      <c r="B5" s="389"/>
      <c r="C5" s="389"/>
      <c r="D5" s="389"/>
    </row>
    <row r="6" spans="1:4" ht="36.75" customHeight="1">
      <c r="A6" s="35" t="s">
        <v>70</v>
      </c>
      <c r="B6" s="36" t="s">
        <v>71</v>
      </c>
      <c r="C6" s="37" t="s">
        <v>550</v>
      </c>
      <c r="D6" s="38" t="s">
        <v>72</v>
      </c>
    </row>
    <row r="7" spans="1:4" ht="75.75" customHeight="1">
      <c r="A7" s="39"/>
      <c r="B7" s="40" t="s">
        <v>73</v>
      </c>
      <c r="C7" s="126" t="s">
        <v>129</v>
      </c>
      <c r="D7" s="42" t="s">
        <v>75</v>
      </c>
    </row>
    <row r="8" spans="1:4">
      <c r="A8" s="43" t="s">
        <v>348</v>
      </c>
      <c r="B8" s="176">
        <v>13948</v>
      </c>
      <c r="C8" s="82">
        <v>4.3597467015894189</v>
      </c>
      <c r="D8" s="83">
        <v>2.1353460682569127E-2</v>
      </c>
    </row>
    <row r="9" spans="1:4">
      <c r="A9" s="47" t="s">
        <v>349</v>
      </c>
      <c r="B9" s="47">
        <v>10229</v>
      </c>
      <c r="C9" s="178">
        <v>4.4106820270049285</v>
      </c>
      <c r="D9" s="130">
        <v>2.4717745520724196E-2</v>
      </c>
    </row>
    <row r="10" spans="1:4">
      <c r="A10" s="43" t="s">
        <v>350</v>
      </c>
      <c r="B10" s="51">
        <v>3719</v>
      </c>
      <c r="C10" s="82">
        <v>4.3184386492961995</v>
      </c>
      <c r="D10" s="83">
        <v>4.2072624713376271E-2</v>
      </c>
    </row>
    <row r="11" spans="1:4">
      <c r="A11" s="47" t="s">
        <v>574</v>
      </c>
      <c r="B11" s="47">
        <v>4999</v>
      </c>
      <c r="C11" s="178">
        <v>4.3199853049724526</v>
      </c>
      <c r="D11" s="130">
        <v>3.6267942788861744E-2</v>
      </c>
    </row>
    <row r="12" spans="1:4">
      <c r="A12" s="43" t="s">
        <v>575</v>
      </c>
      <c r="B12" s="51">
        <v>5161</v>
      </c>
      <c r="C12" s="82">
        <v>4.5181371601204372</v>
      </c>
      <c r="D12" s="83">
        <v>3.4469751819357422E-2</v>
      </c>
    </row>
    <row r="13" spans="1:4">
      <c r="A13" s="47" t="s">
        <v>576</v>
      </c>
      <c r="B13" s="47">
        <v>3136</v>
      </c>
      <c r="C13" s="178">
        <v>4.3357476006591167</v>
      </c>
      <c r="D13" s="130">
        <v>4.4715549351874627E-2</v>
      </c>
    </row>
    <row r="14" spans="1:4">
      <c r="A14" s="43" t="s">
        <v>577</v>
      </c>
      <c r="B14" s="51">
        <v>414</v>
      </c>
      <c r="C14" s="82">
        <v>4.1453207168947985</v>
      </c>
      <c r="D14" s="83">
        <v>0.12392597003117067</v>
      </c>
    </row>
    <row r="15" spans="1:4">
      <c r="A15" s="47" t="s">
        <v>578</v>
      </c>
      <c r="B15" s="47">
        <v>144</v>
      </c>
      <c r="C15" s="178">
        <v>4.0732991503363865</v>
      </c>
      <c r="D15" s="130">
        <v>0.19331364294611941</v>
      </c>
    </row>
    <row r="16" spans="1:4">
      <c r="A16" s="43" t="s">
        <v>581</v>
      </c>
      <c r="B16" s="51">
        <v>9858</v>
      </c>
      <c r="C16" s="82">
        <v>4.3476569997830179</v>
      </c>
      <c r="D16" s="83">
        <v>2.5482993245800774E-2</v>
      </c>
    </row>
    <row r="17" spans="1:25">
      <c r="A17" s="47" t="s">
        <v>580</v>
      </c>
      <c r="B17" s="47">
        <v>4031</v>
      </c>
      <c r="C17" s="178">
        <v>4.4567571608966823</v>
      </c>
      <c r="D17" s="130">
        <v>3.9262215883606386E-2</v>
      </c>
    </row>
    <row r="18" spans="1:25">
      <c r="A18" s="43" t="s">
        <v>583</v>
      </c>
      <c r="B18" s="176">
        <v>921</v>
      </c>
      <c r="C18" s="82">
        <v>4.5196229208799661</v>
      </c>
      <c r="D18" s="83">
        <v>8.0389430795562253E-2</v>
      </c>
    </row>
    <row r="19" spans="1:25">
      <c r="A19" s="47" t="s">
        <v>582</v>
      </c>
      <c r="B19" s="177">
        <v>3110</v>
      </c>
      <c r="C19" s="178">
        <v>4.4341836951563334</v>
      </c>
      <c r="D19" s="130">
        <v>4.4976765303141479E-2</v>
      </c>
    </row>
    <row r="20" spans="1:25">
      <c r="A20" s="43" t="s">
        <v>568</v>
      </c>
      <c r="B20" s="81">
        <v>8283</v>
      </c>
      <c r="C20" s="82">
        <v>4.4291279813673805</v>
      </c>
      <c r="D20" s="83">
        <v>2.784139065693662E-2</v>
      </c>
      <c r="P20" s="244"/>
      <c r="Q20" s="244"/>
      <c r="R20" s="244"/>
      <c r="S20" s="244"/>
      <c r="T20" s="244"/>
      <c r="U20" s="244"/>
      <c r="V20" s="244"/>
      <c r="W20" s="244"/>
      <c r="X20" s="244"/>
      <c r="Y20" s="244"/>
    </row>
    <row r="21" spans="1:25">
      <c r="A21" s="47" t="s">
        <v>569</v>
      </c>
      <c r="B21" s="177">
        <v>5529</v>
      </c>
      <c r="C21" s="178">
        <v>4.2848423777216151</v>
      </c>
      <c r="D21" s="130">
        <v>3.363682815176066E-2</v>
      </c>
      <c r="P21" s="244"/>
      <c r="Q21" s="244"/>
      <c r="R21" s="244"/>
      <c r="S21" s="244"/>
      <c r="T21" s="244"/>
      <c r="U21" s="244"/>
      <c r="V21" s="244"/>
      <c r="W21" s="244"/>
      <c r="X21" s="244"/>
      <c r="Y21" s="244"/>
    </row>
    <row r="22" spans="1:25">
      <c r="A22" s="55" t="s">
        <v>570</v>
      </c>
      <c r="B22" s="176">
        <v>1782</v>
      </c>
      <c r="C22" s="82">
        <v>4.1605673122539457</v>
      </c>
      <c r="D22" s="83">
        <v>6.1071113919620723E-2</v>
      </c>
      <c r="P22" s="244"/>
      <c r="Q22" s="244"/>
      <c r="R22" s="244"/>
      <c r="S22" s="244"/>
      <c r="T22" s="244"/>
      <c r="U22" s="244"/>
      <c r="V22" s="244"/>
      <c r="W22" s="244"/>
      <c r="X22" s="244"/>
      <c r="Y22" s="244"/>
    </row>
    <row r="23" spans="1:25">
      <c r="A23" s="47" t="s">
        <v>571</v>
      </c>
      <c r="B23" s="177">
        <v>3775</v>
      </c>
      <c r="C23" s="178">
        <v>4.1831494396374422</v>
      </c>
      <c r="D23" s="130">
        <v>4.1214339361743957E-2</v>
      </c>
      <c r="P23" s="244"/>
      <c r="Q23" s="244"/>
      <c r="R23" s="244"/>
      <c r="S23" s="244"/>
      <c r="T23" s="244"/>
      <c r="U23" s="244"/>
      <c r="V23" s="244"/>
      <c r="W23" s="244"/>
      <c r="X23" s="244"/>
      <c r="Y23" s="244"/>
    </row>
    <row r="24" spans="1:25">
      <c r="A24" s="55" t="s">
        <v>572</v>
      </c>
      <c r="B24" s="176">
        <v>4180</v>
      </c>
      <c r="C24" s="82">
        <v>4.4123128929283046</v>
      </c>
      <c r="D24" s="83">
        <v>3.830799029233168E-2</v>
      </c>
      <c r="P24" s="244"/>
      <c r="Q24" s="244"/>
      <c r="R24" s="244"/>
      <c r="S24" s="244"/>
      <c r="T24" s="244"/>
      <c r="U24" s="244"/>
      <c r="V24" s="244"/>
      <c r="W24" s="244"/>
      <c r="X24" s="244"/>
      <c r="Y24" s="244"/>
    </row>
    <row r="25" spans="1:25">
      <c r="A25" s="47" t="s">
        <v>573</v>
      </c>
      <c r="B25" s="177">
        <v>4008</v>
      </c>
      <c r="C25" s="178">
        <v>4.7975170474524731</v>
      </c>
      <c r="D25" s="130">
        <v>3.7204932550418048E-2</v>
      </c>
      <c r="P25" s="244"/>
      <c r="Q25" s="244"/>
      <c r="R25" s="244"/>
      <c r="S25" s="244"/>
      <c r="T25" s="244"/>
      <c r="U25" s="244"/>
      <c r="V25" s="244"/>
      <c r="W25" s="244"/>
      <c r="X25" s="244"/>
      <c r="Y25" s="244"/>
    </row>
    <row r="26" spans="1:25">
      <c r="A26" s="55" t="s">
        <v>579</v>
      </c>
      <c r="B26" s="176">
        <v>9671</v>
      </c>
      <c r="C26" s="82">
        <v>4.3776210300166527</v>
      </c>
      <c r="D26" s="83">
        <v>2.5907095425573439E-2</v>
      </c>
      <c r="P26" s="244"/>
      <c r="Q26" s="244"/>
      <c r="R26" s="244"/>
      <c r="S26" s="244"/>
      <c r="T26" s="244"/>
      <c r="U26" s="244"/>
      <c r="V26" s="244"/>
      <c r="W26" s="244"/>
      <c r="X26" s="244"/>
      <c r="Y26" s="244"/>
    </row>
    <row r="27" spans="1:25">
      <c r="A27" s="47" t="s">
        <v>585</v>
      </c>
      <c r="B27" s="177">
        <v>1557</v>
      </c>
      <c r="C27" s="178">
        <v>4.2892328882996491</v>
      </c>
      <c r="D27" s="130">
        <v>6.2621571402714141E-2</v>
      </c>
      <c r="P27" s="244"/>
      <c r="Q27" s="244"/>
      <c r="R27" s="244"/>
      <c r="S27" s="244"/>
      <c r="T27" s="244"/>
      <c r="U27" s="244"/>
      <c r="V27" s="244"/>
      <c r="W27" s="244"/>
      <c r="X27" s="244"/>
      <c r="Y27" s="244"/>
    </row>
    <row r="28" spans="1:25">
      <c r="A28" s="55" t="s">
        <v>586</v>
      </c>
      <c r="B28" s="176">
        <v>912</v>
      </c>
      <c r="C28" s="82">
        <v>4.3186890185696925</v>
      </c>
      <c r="D28" s="83">
        <v>8.4719094158715369E-2</v>
      </c>
      <c r="P28" s="244"/>
      <c r="Q28" s="244"/>
      <c r="R28" s="244"/>
      <c r="S28" s="244"/>
      <c r="T28" s="244"/>
      <c r="U28" s="244"/>
      <c r="V28" s="244"/>
      <c r="W28" s="244"/>
      <c r="X28" s="244"/>
      <c r="Y28" s="244"/>
    </row>
    <row r="29" spans="1:25">
      <c r="A29" s="47" t="s">
        <v>584</v>
      </c>
      <c r="B29" s="177">
        <v>307</v>
      </c>
      <c r="C29" s="178">
        <v>4.523306099643543</v>
      </c>
      <c r="D29" s="130">
        <v>0.15482953996870119</v>
      </c>
      <c r="P29" s="244"/>
      <c r="Q29" s="244"/>
      <c r="R29" s="244"/>
      <c r="S29" s="244"/>
      <c r="T29" s="244"/>
      <c r="U29" s="244"/>
      <c r="V29" s="244"/>
      <c r="W29" s="244"/>
      <c r="X29" s="244"/>
      <c r="Y29" s="244"/>
    </row>
    <row r="30" spans="1:25">
      <c r="A30" s="55" t="s">
        <v>587</v>
      </c>
      <c r="B30" s="176">
        <v>13106</v>
      </c>
      <c r="C30" s="82">
        <v>4.3603548781597263</v>
      </c>
      <c r="D30" s="83">
        <v>2.1939453898537888E-2</v>
      </c>
      <c r="P30" s="244"/>
      <c r="Q30" s="244"/>
      <c r="R30" s="244"/>
      <c r="S30" s="244"/>
      <c r="T30" s="244"/>
      <c r="U30" s="244"/>
      <c r="V30" s="244"/>
      <c r="W30" s="244"/>
      <c r="X30" s="244"/>
      <c r="Y30" s="244"/>
    </row>
    <row r="31" spans="1:25">
      <c r="P31" s="244"/>
      <c r="Q31" s="244"/>
      <c r="R31" s="244"/>
      <c r="S31" s="244"/>
      <c r="T31" s="244"/>
      <c r="U31" s="244"/>
      <c r="V31" s="244"/>
      <c r="W31" s="244"/>
      <c r="X31" s="244"/>
      <c r="Y31" s="244"/>
    </row>
    <row r="32" spans="1:25" ht="18.75">
      <c r="A32" s="337" t="s">
        <v>45</v>
      </c>
      <c r="B32" s="337"/>
      <c r="C32" s="337"/>
      <c r="D32" s="337"/>
      <c r="E32" s="337"/>
      <c r="F32" s="337"/>
      <c r="G32" s="337"/>
      <c r="H32" s="337"/>
      <c r="I32" s="337"/>
      <c r="J32" s="337"/>
      <c r="K32" s="337"/>
      <c r="L32" s="337"/>
      <c r="M32" s="337"/>
      <c r="N32" s="337"/>
      <c r="O32" s="337"/>
      <c r="P32" s="337"/>
      <c r="Q32" s="337"/>
      <c r="R32" s="337"/>
      <c r="S32" s="337"/>
      <c r="T32" s="337"/>
      <c r="U32" s="337"/>
      <c r="V32" s="337"/>
      <c r="W32" s="244"/>
      <c r="X32" s="244"/>
      <c r="Y32" s="244"/>
    </row>
    <row r="33" spans="1:45" ht="66" customHeight="1">
      <c r="A33" s="397" t="s">
        <v>553</v>
      </c>
      <c r="B33" s="397"/>
      <c r="C33" s="397"/>
      <c r="D33" s="397"/>
      <c r="E33" s="397"/>
      <c r="F33" s="397"/>
      <c r="G33" s="397"/>
      <c r="H33" s="397"/>
      <c r="I33" s="397"/>
      <c r="J33" s="397"/>
      <c r="K33" s="397"/>
      <c r="L33" s="397"/>
      <c r="M33" s="397"/>
      <c r="N33" s="397"/>
      <c r="O33" s="397"/>
      <c r="P33" s="397"/>
      <c r="Q33" s="397"/>
      <c r="R33" s="397"/>
      <c r="S33" s="397"/>
      <c r="T33" s="397"/>
      <c r="U33" s="397"/>
      <c r="V33" s="397"/>
      <c r="W33" s="244"/>
      <c r="X33" s="244"/>
      <c r="Y33" s="244"/>
    </row>
    <row r="34" spans="1:45" ht="37.5" customHeight="1">
      <c r="A34" s="62"/>
      <c r="B34" s="343" t="s">
        <v>271</v>
      </c>
      <c r="C34" s="404"/>
      <c r="D34" s="404"/>
      <c r="E34" s="404"/>
      <c r="F34" s="404"/>
      <c r="G34" s="404"/>
      <c r="H34" s="404"/>
      <c r="I34" s="343" t="s">
        <v>393</v>
      </c>
      <c r="J34" s="404"/>
      <c r="K34" s="404"/>
      <c r="L34" s="404"/>
      <c r="M34" s="404"/>
      <c r="N34" s="404"/>
      <c r="O34" s="404"/>
      <c r="P34" s="301" t="s">
        <v>272</v>
      </c>
      <c r="Q34" s="301"/>
      <c r="R34" s="301"/>
      <c r="S34" s="301"/>
      <c r="T34" s="301"/>
      <c r="U34" s="301"/>
      <c r="V34" s="301"/>
      <c r="W34" s="299"/>
      <c r="X34" s="299"/>
      <c r="Y34" s="298"/>
      <c r="Z34" s="298"/>
      <c r="AA34" s="298"/>
      <c r="AB34" s="298"/>
      <c r="AC34" s="298"/>
      <c r="AD34" s="298"/>
      <c r="AE34" s="298"/>
      <c r="AF34" s="298"/>
      <c r="AG34" s="298"/>
      <c r="AH34" s="298"/>
      <c r="AI34" s="298"/>
      <c r="AJ34" s="298"/>
      <c r="AK34" s="298"/>
      <c r="AL34" s="298"/>
      <c r="AM34" s="298"/>
      <c r="AN34" s="298"/>
      <c r="AO34" s="298"/>
      <c r="AP34" s="298"/>
      <c r="AQ34" s="298"/>
      <c r="AR34" s="298"/>
      <c r="AS34" s="298"/>
    </row>
    <row r="35" spans="1:45" ht="37.5" customHeight="1">
      <c r="A35" s="35" t="s">
        <v>70</v>
      </c>
      <c r="B35" s="36" t="s">
        <v>71</v>
      </c>
      <c r="C35" s="36" t="s">
        <v>130</v>
      </c>
      <c r="D35" s="87" t="s">
        <v>320</v>
      </c>
      <c r="E35" s="36" t="s">
        <v>131</v>
      </c>
      <c r="F35" s="87" t="s">
        <v>321</v>
      </c>
      <c r="G35" s="36" t="s">
        <v>132</v>
      </c>
      <c r="H35" s="87" t="s">
        <v>322</v>
      </c>
      <c r="I35" s="36" t="s">
        <v>71</v>
      </c>
      <c r="J35" s="36" t="s">
        <v>130</v>
      </c>
      <c r="K35" s="87" t="s">
        <v>320</v>
      </c>
      <c r="L35" s="36" t="s">
        <v>131</v>
      </c>
      <c r="M35" s="87" t="s">
        <v>321</v>
      </c>
      <c r="N35" s="36" t="s">
        <v>132</v>
      </c>
      <c r="O35" s="87" t="s">
        <v>322</v>
      </c>
      <c r="P35" s="36" t="s">
        <v>71</v>
      </c>
      <c r="Q35" s="36" t="s">
        <v>130</v>
      </c>
      <c r="R35" s="87" t="s">
        <v>320</v>
      </c>
      <c r="S35" s="36" t="s">
        <v>131</v>
      </c>
      <c r="T35" s="87" t="s">
        <v>321</v>
      </c>
      <c r="U35" s="36" t="s">
        <v>132</v>
      </c>
      <c r="V35" s="87" t="s">
        <v>322</v>
      </c>
    </row>
    <row r="36" spans="1:45" ht="71.25" customHeight="1">
      <c r="A36" s="39"/>
      <c r="B36" s="40" t="s">
        <v>73</v>
      </c>
      <c r="C36" s="40" t="s">
        <v>158</v>
      </c>
      <c r="D36" s="89" t="s">
        <v>87</v>
      </c>
      <c r="E36" s="40" t="s">
        <v>159</v>
      </c>
      <c r="F36" s="89" t="s">
        <v>87</v>
      </c>
      <c r="G36" s="40" t="s">
        <v>160</v>
      </c>
      <c r="H36" s="89" t="s">
        <v>87</v>
      </c>
      <c r="I36" s="40" t="s">
        <v>73</v>
      </c>
      <c r="J36" s="40" t="s">
        <v>158</v>
      </c>
      <c r="K36" s="89" t="s">
        <v>87</v>
      </c>
      <c r="L36" s="40" t="s">
        <v>159</v>
      </c>
      <c r="M36" s="89" t="s">
        <v>87</v>
      </c>
      <c r="N36" s="40" t="s">
        <v>160</v>
      </c>
      <c r="O36" s="89" t="s">
        <v>87</v>
      </c>
      <c r="P36" s="40" t="s">
        <v>73</v>
      </c>
      <c r="Q36" s="40" t="s">
        <v>158</v>
      </c>
      <c r="R36" s="89" t="s">
        <v>87</v>
      </c>
      <c r="S36" s="40" t="s">
        <v>159</v>
      </c>
      <c r="T36" s="89" t="s">
        <v>87</v>
      </c>
      <c r="U36" s="40" t="s">
        <v>160</v>
      </c>
      <c r="V36" s="89" t="s">
        <v>87</v>
      </c>
    </row>
    <row r="37" spans="1:45">
      <c r="A37" s="43" t="s">
        <v>348</v>
      </c>
      <c r="B37" s="176">
        <v>13907</v>
      </c>
      <c r="C37" s="179">
        <v>0.19903370812084747</v>
      </c>
      <c r="D37" s="92">
        <v>6.7716139356468969E-3</v>
      </c>
      <c r="E37" s="179">
        <v>0.1808553717156379</v>
      </c>
      <c r="F37" s="92">
        <v>6.5280375946062024E-3</v>
      </c>
      <c r="G37" s="179">
        <v>0.62011092016352953</v>
      </c>
      <c r="H37" s="92">
        <v>8.2304117240146954E-3</v>
      </c>
      <c r="I37" s="176">
        <v>13846</v>
      </c>
      <c r="J37" s="179">
        <v>0.35481886527751455</v>
      </c>
      <c r="K37" s="92">
        <v>8.1313159600783225E-3</v>
      </c>
      <c r="L37" s="179">
        <v>0.17642583432258463</v>
      </c>
      <c r="M37" s="92">
        <v>6.4792972664904922E-3</v>
      </c>
      <c r="N37" s="179">
        <v>0.46875530039991631</v>
      </c>
      <c r="O37" s="92">
        <v>8.4805887091058737E-3</v>
      </c>
      <c r="P37" s="176">
        <v>13940</v>
      </c>
      <c r="Q37" s="179">
        <v>0.34225069035955757</v>
      </c>
      <c r="R37" s="92">
        <v>8.0362316068750099E-3</v>
      </c>
      <c r="S37" s="179">
        <v>0.17414298561198138</v>
      </c>
      <c r="T37" s="92">
        <v>6.4244163883877669E-3</v>
      </c>
      <c r="U37" s="179">
        <v>0.48360632402847759</v>
      </c>
      <c r="V37" s="92">
        <v>8.4639460387044112E-3</v>
      </c>
    </row>
    <row r="38" spans="1:45">
      <c r="A38" s="47" t="s">
        <v>349</v>
      </c>
      <c r="B38" s="177">
        <v>10202</v>
      </c>
      <c r="C38" s="180">
        <v>0.20167199965186186</v>
      </c>
      <c r="D38" s="95">
        <v>7.9452899268931173E-3</v>
      </c>
      <c r="E38" s="180">
        <v>0.17183980488545875</v>
      </c>
      <c r="F38" s="95">
        <v>7.4705059153115571E-3</v>
      </c>
      <c r="G38" s="180">
        <v>0.62648819546267309</v>
      </c>
      <c r="H38" s="95">
        <v>9.5768450548990268E-3</v>
      </c>
      <c r="I38" s="177">
        <v>10151</v>
      </c>
      <c r="J38" s="180">
        <v>0.32941325567448487</v>
      </c>
      <c r="K38" s="95">
        <v>9.328473434407512E-3</v>
      </c>
      <c r="L38" s="180">
        <v>0.16135661256908065</v>
      </c>
      <c r="M38" s="95">
        <v>7.3032635781698722E-3</v>
      </c>
      <c r="N38" s="180">
        <v>0.50923013175642984</v>
      </c>
      <c r="O38" s="95">
        <v>9.9216997910477299E-3</v>
      </c>
      <c r="P38" s="177">
        <v>10217</v>
      </c>
      <c r="Q38" s="180">
        <v>0.36240960918067677</v>
      </c>
      <c r="R38" s="95">
        <v>9.5097249670579257E-3</v>
      </c>
      <c r="S38" s="180">
        <v>0.15677342640096814</v>
      </c>
      <c r="T38" s="95">
        <v>7.1952029092367809E-3</v>
      </c>
      <c r="U38" s="180">
        <v>0.48081696441835076</v>
      </c>
      <c r="V38" s="95">
        <v>9.8840216912036444E-3</v>
      </c>
    </row>
    <row r="39" spans="1:45">
      <c r="A39" s="43" t="s">
        <v>350</v>
      </c>
      <c r="B39" s="176">
        <v>3705</v>
      </c>
      <c r="C39" s="179">
        <v>0.19688925262736423</v>
      </c>
      <c r="D39" s="92">
        <v>1.3066886726862605E-2</v>
      </c>
      <c r="E39" s="179">
        <v>0.18818340259793176</v>
      </c>
      <c r="F39" s="92">
        <v>1.2844550928860063E-2</v>
      </c>
      <c r="G39" s="179">
        <v>0.6149273447747049</v>
      </c>
      <c r="H39" s="92">
        <v>1.5981256857970642E-2</v>
      </c>
      <c r="I39" s="176">
        <v>3695</v>
      </c>
      <c r="J39" s="179">
        <v>0.37544231673523015</v>
      </c>
      <c r="K39" s="92">
        <v>1.5924902145224944E-2</v>
      </c>
      <c r="L39" s="179">
        <v>0.18865854072857044</v>
      </c>
      <c r="M39" s="92">
        <v>1.2874339118384516E-2</v>
      </c>
      <c r="N39" s="179">
        <v>0.4358991425362001</v>
      </c>
      <c r="O39" s="92">
        <v>1.6306736768572166E-2</v>
      </c>
      <c r="P39" s="176">
        <v>3723</v>
      </c>
      <c r="Q39" s="179">
        <v>0.32592054392210179</v>
      </c>
      <c r="R39" s="92">
        <v>1.5357692271588185E-2</v>
      </c>
      <c r="S39" s="179">
        <v>0.18821355397859629</v>
      </c>
      <c r="T39" s="92">
        <v>1.2814239585689016E-2</v>
      </c>
      <c r="U39" s="179">
        <v>0.48586590209930292</v>
      </c>
      <c r="V39" s="92">
        <v>1.6373709707401936E-2</v>
      </c>
    </row>
    <row r="40" spans="1:45">
      <c r="A40" s="47" t="s">
        <v>574</v>
      </c>
      <c r="B40" s="177">
        <v>4978</v>
      </c>
      <c r="C40" s="180">
        <v>0.20127778861161347</v>
      </c>
      <c r="D40" s="95">
        <v>1.1366253116300051E-2</v>
      </c>
      <c r="E40" s="180">
        <v>0.18877531050803423</v>
      </c>
      <c r="F40" s="95">
        <v>1.1094089313372125E-2</v>
      </c>
      <c r="G40" s="180">
        <v>0.60994690088035419</v>
      </c>
      <c r="H40" s="95">
        <v>1.3821453729984834E-2</v>
      </c>
      <c r="I40" s="177">
        <v>4969</v>
      </c>
      <c r="J40" s="180">
        <v>0.37270300364684239</v>
      </c>
      <c r="K40" s="95">
        <v>1.3713964380053088E-2</v>
      </c>
      <c r="L40" s="180">
        <v>0.18284909063905302</v>
      </c>
      <c r="M40" s="95">
        <v>1.0968651559620372E-2</v>
      </c>
      <c r="N40" s="180">
        <v>0.44444790571410692</v>
      </c>
      <c r="O40" s="95">
        <v>1.409282168321146E-2</v>
      </c>
      <c r="P40" s="177">
        <v>5005</v>
      </c>
      <c r="Q40" s="180">
        <v>0.33299508328896921</v>
      </c>
      <c r="R40" s="95">
        <v>1.3319301073188379E-2</v>
      </c>
      <c r="S40" s="180">
        <v>0.1825569574521694</v>
      </c>
      <c r="T40" s="95">
        <v>1.0922357717853232E-2</v>
      </c>
      <c r="U40" s="180">
        <v>0.48444795925886341</v>
      </c>
      <c r="V40" s="95">
        <v>1.4122599267616802E-2</v>
      </c>
    </row>
    <row r="41" spans="1:45">
      <c r="A41" s="43" t="s">
        <v>575</v>
      </c>
      <c r="B41" s="176">
        <v>5146</v>
      </c>
      <c r="C41" s="179">
        <v>0.18357524557650623</v>
      </c>
      <c r="D41" s="92">
        <v>1.0794851264082774E-2</v>
      </c>
      <c r="E41" s="179">
        <v>0.16769324811627329</v>
      </c>
      <c r="F41" s="92">
        <v>1.041819522340956E-2</v>
      </c>
      <c r="G41" s="179">
        <v>0.64873150630721954</v>
      </c>
      <c r="H41" s="92">
        <v>1.3304887444201864E-2</v>
      </c>
      <c r="I41" s="176">
        <v>5122</v>
      </c>
      <c r="J41" s="179">
        <v>0.30325382021291136</v>
      </c>
      <c r="K41" s="92">
        <v>1.2842311106934382E-2</v>
      </c>
      <c r="L41" s="179">
        <v>0.16179206055404971</v>
      </c>
      <c r="M41" s="92">
        <v>1.0293918473962712E-2</v>
      </c>
      <c r="N41" s="179">
        <v>0.53495411923303871</v>
      </c>
      <c r="O41" s="92">
        <v>1.3933124808440649E-2</v>
      </c>
      <c r="P41" s="176">
        <v>5152</v>
      </c>
      <c r="Q41" s="179">
        <v>0.32172798991487356</v>
      </c>
      <c r="R41" s="92">
        <v>1.3012746101069944E-2</v>
      </c>
      <c r="S41" s="179">
        <v>0.16480749633714789</v>
      </c>
      <c r="T41" s="92">
        <v>1.0340226466508907E-2</v>
      </c>
      <c r="U41" s="179">
        <v>0.51346451374797741</v>
      </c>
      <c r="V41" s="92">
        <v>1.3921507437045075E-2</v>
      </c>
    </row>
    <row r="42" spans="1:45">
      <c r="A42" s="47" t="s">
        <v>576</v>
      </c>
      <c r="B42" s="177">
        <v>3132</v>
      </c>
      <c r="C42" s="180">
        <v>0.21610859616293912</v>
      </c>
      <c r="D42" s="95">
        <v>1.4708525982839768E-2</v>
      </c>
      <c r="E42" s="180">
        <v>0.15974305078753814</v>
      </c>
      <c r="F42" s="95">
        <v>1.3098934954924086E-2</v>
      </c>
      <c r="G42" s="180">
        <v>0.62414835304951555</v>
      </c>
      <c r="H42" s="95">
        <v>1.7299377707986712E-2</v>
      </c>
      <c r="I42" s="177">
        <v>3106</v>
      </c>
      <c r="J42" s="180">
        <v>0.33179555966286323</v>
      </c>
      <c r="K42" s="95">
        <v>1.6889274291364557E-2</v>
      </c>
      <c r="L42" s="180">
        <v>0.16304582050662844</v>
      </c>
      <c r="M42" s="95">
        <v>1.3262317702158683E-2</v>
      </c>
      <c r="N42" s="180">
        <v>0.50515861983050148</v>
      </c>
      <c r="O42" s="95">
        <v>1.7930679560994658E-2</v>
      </c>
      <c r="P42" s="177">
        <v>3132</v>
      </c>
      <c r="Q42" s="180">
        <v>0.41802726855493999</v>
      </c>
      <c r="R42" s="95">
        <v>1.761614526528971E-2</v>
      </c>
      <c r="S42" s="180">
        <v>0.13729254182146994</v>
      </c>
      <c r="T42" s="95">
        <v>1.2308672982139696E-2</v>
      </c>
      <c r="U42" s="180">
        <v>0.44468018962358358</v>
      </c>
      <c r="V42" s="95">
        <v>1.7747790910299002E-2</v>
      </c>
    </row>
    <row r="43" spans="1:45">
      <c r="A43" s="43" t="s">
        <v>577</v>
      </c>
      <c r="B43" s="176">
        <v>413</v>
      </c>
      <c r="C43" s="179">
        <v>0.20106522310896144</v>
      </c>
      <c r="D43" s="92">
        <v>3.9462109518457911E-2</v>
      </c>
      <c r="E43" s="179">
        <v>0.16719883471076855</v>
      </c>
      <c r="F43" s="92">
        <v>3.6823256716780765E-2</v>
      </c>
      <c r="G43" s="179">
        <v>0.63173594218026952</v>
      </c>
      <c r="H43" s="92">
        <v>4.7273578188161039E-2</v>
      </c>
      <c r="I43" s="176">
        <v>413</v>
      </c>
      <c r="J43" s="179">
        <v>0.35908192572123421</v>
      </c>
      <c r="K43" s="92">
        <v>4.7023769298368601E-2</v>
      </c>
      <c r="L43" s="179">
        <v>0.17779338985542892</v>
      </c>
      <c r="M43" s="92">
        <v>3.7699435186133716E-2</v>
      </c>
      <c r="N43" s="179">
        <v>0.46312468442333654</v>
      </c>
      <c r="O43" s="92">
        <v>4.8839400403310022E-2</v>
      </c>
      <c r="P43" s="176">
        <v>413</v>
      </c>
      <c r="Q43" s="179">
        <v>0.53019926154723018</v>
      </c>
      <c r="R43" s="92">
        <v>4.8882516331417117E-2</v>
      </c>
      <c r="S43" s="179">
        <v>0.14719131096361987</v>
      </c>
      <c r="T43" s="92">
        <v>3.5026891430745263E-2</v>
      </c>
      <c r="U43" s="179">
        <v>0.32260942748914895</v>
      </c>
      <c r="V43" s="92">
        <v>4.5847561075833709E-2</v>
      </c>
    </row>
    <row r="44" spans="1:45">
      <c r="A44" s="47" t="s">
        <v>578</v>
      </c>
      <c r="B44" s="177">
        <v>144</v>
      </c>
      <c r="C44" s="180">
        <v>0.28066197596677922</v>
      </c>
      <c r="D44" s="95">
        <v>7.4336013059534689E-2</v>
      </c>
      <c r="E44" s="180">
        <v>0.14473252034509754</v>
      </c>
      <c r="F44" s="95">
        <v>5.9392249550043401E-2</v>
      </c>
      <c r="G44" s="180">
        <v>0.57460550368812291</v>
      </c>
      <c r="H44" s="95">
        <v>8.1328632127724426E-2</v>
      </c>
      <c r="I44" s="177">
        <v>144</v>
      </c>
      <c r="J44" s="180">
        <v>0.31277929818520467</v>
      </c>
      <c r="K44" s="95">
        <v>7.655019297110166E-2</v>
      </c>
      <c r="L44" s="180">
        <v>0.10663518751947411</v>
      </c>
      <c r="M44" s="95">
        <v>5.2893364753768775E-2</v>
      </c>
      <c r="N44" s="180">
        <v>0.58058551429532068</v>
      </c>
      <c r="O44" s="95">
        <v>8.1182520359904586E-2</v>
      </c>
      <c r="P44" s="177">
        <v>144</v>
      </c>
      <c r="Q44" s="180">
        <v>0.54320068496657425</v>
      </c>
      <c r="R44" s="95">
        <v>8.1908521583863469E-2</v>
      </c>
      <c r="S44" s="180">
        <v>0.27011377193644515</v>
      </c>
      <c r="T44" s="95">
        <v>7.3516012276279075E-2</v>
      </c>
      <c r="U44" s="180">
        <v>0.1866855430969801</v>
      </c>
      <c r="V44" s="95">
        <v>6.5154413736581582E-2</v>
      </c>
    </row>
    <row r="45" spans="1:45">
      <c r="A45" s="43" t="s">
        <v>581</v>
      </c>
      <c r="B45" s="176">
        <v>9832</v>
      </c>
      <c r="C45" s="179">
        <v>0.20046589146357377</v>
      </c>
      <c r="D45" s="92">
        <v>8.0752932100534337E-3</v>
      </c>
      <c r="E45" s="179">
        <v>0.18209588515623973</v>
      </c>
      <c r="F45" s="92">
        <v>7.7846982766239213E-3</v>
      </c>
      <c r="G45" s="179">
        <v>0.61743822338020737</v>
      </c>
      <c r="H45" s="92">
        <v>9.8011850534224787E-3</v>
      </c>
      <c r="I45" s="176">
        <v>9789</v>
      </c>
      <c r="J45" s="179">
        <v>0.35751122377500627</v>
      </c>
      <c r="K45" s="92">
        <v>9.6864670884699335E-3</v>
      </c>
      <c r="L45" s="179">
        <v>0.1787363990263508</v>
      </c>
      <c r="M45" s="92">
        <v>7.74541286200537E-3</v>
      </c>
      <c r="N45" s="179">
        <v>0.46375237719866336</v>
      </c>
      <c r="O45" s="92">
        <v>1.0078567755919678E-2</v>
      </c>
      <c r="P45" s="176">
        <v>9853</v>
      </c>
      <c r="Q45" s="179">
        <v>0.34399265391831241</v>
      </c>
      <c r="R45" s="92">
        <v>9.5698593723024875E-3</v>
      </c>
      <c r="S45" s="179">
        <v>0.17602930167613781</v>
      </c>
      <c r="T45" s="92">
        <v>7.6742059776472799E-3</v>
      </c>
      <c r="U45" s="179">
        <v>0.47997804440557235</v>
      </c>
      <c r="V45" s="92">
        <v>1.006420388763752E-2</v>
      </c>
    </row>
    <row r="46" spans="1:45">
      <c r="A46" s="47" t="s">
        <v>580</v>
      </c>
      <c r="B46" s="177">
        <v>4016</v>
      </c>
      <c r="C46" s="180">
        <v>0.19158851281060804</v>
      </c>
      <c r="D46" s="95">
        <v>1.2421757081738117E-2</v>
      </c>
      <c r="E46" s="180">
        <v>0.16649238722482895</v>
      </c>
      <c r="F46" s="95">
        <v>1.1760203995829568E-2</v>
      </c>
      <c r="G46" s="180">
        <v>0.64191909996456342</v>
      </c>
      <c r="H46" s="95">
        <v>1.5124657169840331E-2</v>
      </c>
      <c r="I46" s="177">
        <v>3998</v>
      </c>
      <c r="J46" s="180">
        <v>0.33088819089916094</v>
      </c>
      <c r="K46" s="95">
        <v>1.4877757312328209E-2</v>
      </c>
      <c r="L46" s="180">
        <v>0.16198173490361584</v>
      </c>
      <c r="M46" s="95">
        <v>1.1657786446082813E-2</v>
      </c>
      <c r="N46" s="180">
        <v>0.50713007419722311</v>
      </c>
      <c r="O46" s="95">
        <v>1.5805832829703666E-2</v>
      </c>
      <c r="P46" s="177">
        <v>4028</v>
      </c>
      <c r="Q46" s="180">
        <v>0.32793907761673785</v>
      </c>
      <c r="R46" s="95">
        <v>1.4788648245136369E-2</v>
      </c>
      <c r="S46" s="180">
        <v>0.16341520025447268</v>
      </c>
      <c r="T46" s="95">
        <v>1.1655408747402986E-2</v>
      </c>
      <c r="U46" s="180">
        <v>0.50864572212878922</v>
      </c>
      <c r="V46" s="95">
        <v>1.5746169845628617E-2</v>
      </c>
    </row>
    <row r="47" spans="1:45">
      <c r="A47" s="43" t="s">
        <v>583</v>
      </c>
      <c r="B47" s="176">
        <v>919</v>
      </c>
      <c r="C47" s="179">
        <v>0.18450805845236659</v>
      </c>
      <c r="D47" s="92">
        <v>2.5608577538533014E-2</v>
      </c>
      <c r="E47" s="179">
        <v>0.15985359783106109</v>
      </c>
      <c r="F47" s="92">
        <v>2.4214736822306696E-2</v>
      </c>
      <c r="G47" s="179">
        <v>0.65563834371657181</v>
      </c>
      <c r="H47" s="92">
        <v>3.1294650700613443E-2</v>
      </c>
      <c r="I47" s="176">
        <v>910</v>
      </c>
      <c r="J47" s="179">
        <v>0.31002486931565587</v>
      </c>
      <c r="K47" s="92">
        <v>3.0619043396045095E-2</v>
      </c>
      <c r="L47" s="179">
        <v>0.17137772605347351</v>
      </c>
      <c r="M47" s="92">
        <v>2.5012081400541973E-2</v>
      </c>
      <c r="N47" s="179">
        <v>0.51859740463086934</v>
      </c>
      <c r="O47" s="92">
        <v>3.3054371835709924E-2</v>
      </c>
      <c r="P47" s="176">
        <v>921</v>
      </c>
      <c r="Q47" s="179">
        <v>0.32470366640975096</v>
      </c>
      <c r="R47" s="92">
        <v>3.0811467394341031E-2</v>
      </c>
      <c r="S47" s="179">
        <v>0.18169143481709302</v>
      </c>
      <c r="T47" s="92">
        <v>2.54306940915743E-2</v>
      </c>
      <c r="U47" s="179">
        <v>0.49360489877315494</v>
      </c>
      <c r="V47" s="92">
        <v>3.2877131171095371E-2</v>
      </c>
    </row>
    <row r="48" spans="1:45">
      <c r="A48" s="47" t="s">
        <v>582</v>
      </c>
      <c r="B48" s="177">
        <v>3097</v>
      </c>
      <c r="C48" s="180">
        <v>0.19413189506588946</v>
      </c>
      <c r="D48" s="95">
        <v>1.4216545306526496E-2</v>
      </c>
      <c r="E48" s="180">
        <v>0.16887711824438623</v>
      </c>
      <c r="F48" s="95">
        <v>1.3468958736728138E-2</v>
      </c>
      <c r="G48" s="180">
        <v>0.6369909866897232</v>
      </c>
      <c r="H48" s="95">
        <v>1.727228880696767E-2</v>
      </c>
      <c r="I48" s="177">
        <v>3088</v>
      </c>
      <c r="J48" s="180">
        <v>0.33835332079678315</v>
      </c>
      <c r="K48" s="95">
        <v>1.7020568684193823E-2</v>
      </c>
      <c r="L48" s="180">
        <v>0.15861974414055058</v>
      </c>
      <c r="M48" s="95">
        <v>1.3154512830311611E-2</v>
      </c>
      <c r="N48" s="180">
        <v>0.5030269350626646</v>
      </c>
      <c r="O48" s="95">
        <v>1.798342133441113E-2</v>
      </c>
      <c r="P48" s="177">
        <v>3107</v>
      </c>
      <c r="Q48" s="180">
        <v>0.3291038480332506</v>
      </c>
      <c r="R48" s="95">
        <v>1.6851863108972975E-2</v>
      </c>
      <c r="S48" s="180">
        <v>0.15683562938019502</v>
      </c>
      <c r="T48" s="95">
        <v>1.3054338227736316E-2</v>
      </c>
      <c r="U48" s="180">
        <v>0.51406052258655255</v>
      </c>
      <c r="V48" s="95">
        <v>1.7921677155631133E-2</v>
      </c>
    </row>
    <row r="49" spans="1:22">
      <c r="A49" s="43" t="s">
        <v>568</v>
      </c>
      <c r="B49" s="176">
        <v>8257</v>
      </c>
      <c r="C49" s="179">
        <v>0.17699838525774722</v>
      </c>
      <c r="D49" s="92">
        <v>8.4013523801216815E-3</v>
      </c>
      <c r="E49" s="179">
        <v>0.16472603099773184</v>
      </c>
      <c r="F49" s="92">
        <v>8.1654658086502442E-3</v>
      </c>
      <c r="G49" s="179">
        <v>0.65827558374451112</v>
      </c>
      <c r="H49" s="92">
        <v>1.043707909215243E-2</v>
      </c>
      <c r="I49" s="176">
        <v>8231</v>
      </c>
      <c r="J49" s="179">
        <v>0.3771957156573057</v>
      </c>
      <c r="K49" s="92">
        <v>1.0682450860729284E-2</v>
      </c>
      <c r="L49" s="179">
        <v>0.16762384930118152</v>
      </c>
      <c r="M49" s="92">
        <v>8.2355542891536515E-3</v>
      </c>
      <c r="N49" s="179">
        <v>0.45518043504150141</v>
      </c>
      <c r="O49" s="92">
        <v>1.0975341519861207E-2</v>
      </c>
      <c r="P49" s="176">
        <v>8284</v>
      </c>
      <c r="Q49" s="179">
        <v>0.32556784022189494</v>
      </c>
      <c r="R49" s="92">
        <v>1.0294945338993616E-2</v>
      </c>
      <c r="S49" s="179">
        <v>0.1599844191747565</v>
      </c>
      <c r="T49" s="92">
        <v>8.0568974235458932E-3</v>
      </c>
      <c r="U49" s="179">
        <v>0.5144477406033382</v>
      </c>
      <c r="V49" s="92">
        <v>1.0979787155409858E-2</v>
      </c>
    </row>
    <row r="50" spans="1:22">
      <c r="A50" s="47" t="s">
        <v>569</v>
      </c>
      <c r="B50" s="177">
        <v>5514</v>
      </c>
      <c r="C50" s="180">
        <v>0.22133403160436393</v>
      </c>
      <c r="D50" s="95">
        <v>1.1180998648846772E-2</v>
      </c>
      <c r="E50" s="180">
        <v>0.19886024211352535</v>
      </c>
      <c r="F50" s="95">
        <v>1.0750937447831448E-2</v>
      </c>
      <c r="G50" s="180">
        <v>0.57980572628213178</v>
      </c>
      <c r="H50" s="95">
        <v>1.3289654467033424E-2</v>
      </c>
      <c r="I50" s="177">
        <v>5479</v>
      </c>
      <c r="J50" s="180">
        <v>0.33152815932707047</v>
      </c>
      <c r="K50" s="95">
        <v>1.2716371315869732E-2</v>
      </c>
      <c r="L50" s="180">
        <v>0.18517592087112469</v>
      </c>
      <c r="M50" s="95">
        <v>1.0496705215841201E-2</v>
      </c>
      <c r="N50" s="180">
        <v>0.48329591980182501</v>
      </c>
      <c r="O50" s="95">
        <v>1.349735704557636E-2</v>
      </c>
      <c r="P50" s="177">
        <v>5520</v>
      </c>
      <c r="Q50" s="180">
        <v>0.35998592320363337</v>
      </c>
      <c r="R50" s="95">
        <v>1.2917171630149648E-2</v>
      </c>
      <c r="S50" s="180">
        <v>0.19001627355517137</v>
      </c>
      <c r="T50" s="95">
        <v>1.0561677026805364E-2</v>
      </c>
      <c r="U50" s="180">
        <v>0.44999780324121635</v>
      </c>
      <c r="V50" s="95">
        <v>1.3387323104594038E-2</v>
      </c>
    </row>
    <row r="51" spans="1:22">
      <c r="A51" s="55" t="s">
        <v>570</v>
      </c>
      <c r="B51" s="176">
        <v>1777</v>
      </c>
      <c r="C51" s="179">
        <v>0.19597487789650272</v>
      </c>
      <c r="D51" s="92">
        <v>1.8836656958177777E-2</v>
      </c>
      <c r="E51" s="179">
        <v>0.18751280697239511</v>
      </c>
      <c r="F51" s="92">
        <v>1.8524450585360727E-2</v>
      </c>
      <c r="G51" s="179">
        <v>0.6165123151311005</v>
      </c>
      <c r="H51" s="92">
        <v>2.3046265479010265E-2</v>
      </c>
      <c r="I51" s="176">
        <v>1774</v>
      </c>
      <c r="J51" s="179">
        <v>0.49284426848904089</v>
      </c>
      <c r="K51" s="92">
        <v>2.3713182374156924E-2</v>
      </c>
      <c r="L51" s="179">
        <v>0.19676469016372181</v>
      </c>
      <c r="M51" s="92">
        <v>1.8881050439451035E-2</v>
      </c>
      <c r="N51" s="179">
        <v>0.31039104134723927</v>
      </c>
      <c r="O51" s="92">
        <v>2.195250126684235E-2</v>
      </c>
      <c r="P51" s="176">
        <v>1785</v>
      </c>
      <c r="Q51" s="179">
        <v>0.33829433926784858</v>
      </c>
      <c r="R51" s="92">
        <v>2.2377825789024561E-2</v>
      </c>
      <c r="S51" s="179">
        <v>0.20040501464777757</v>
      </c>
      <c r="T51" s="92">
        <v>1.8952075097830576E-2</v>
      </c>
      <c r="U51" s="179">
        <v>0.46130064608437621</v>
      </c>
      <c r="V51" s="92">
        <v>2.3571972709694116E-2</v>
      </c>
    </row>
    <row r="52" spans="1:22">
      <c r="A52" s="47" t="s">
        <v>571</v>
      </c>
      <c r="B52" s="177">
        <v>3769</v>
      </c>
      <c r="C52" s="180">
        <v>0.24052533073940358</v>
      </c>
      <c r="D52" s="95">
        <v>1.392172948087458E-2</v>
      </c>
      <c r="E52" s="180">
        <v>0.20058530527569435</v>
      </c>
      <c r="F52" s="95">
        <v>1.3046059021031793E-2</v>
      </c>
      <c r="G52" s="180">
        <v>0.55888936398490419</v>
      </c>
      <c r="H52" s="95">
        <v>1.6167011732211752E-2</v>
      </c>
      <c r="I52" s="177">
        <v>3761</v>
      </c>
      <c r="J52" s="180">
        <v>0.3964855594334542</v>
      </c>
      <c r="K52" s="95">
        <v>1.594504228751573E-2</v>
      </c>
      <c r="L52" s="180">
        <v>0.18790069590570913</v>
      </c>
      <c r="M52" s="95">
        <v>1.2741203187448966E-2</v>
      </c>
      <c r="N52" s="180">
        <v>0.41561374466083628</v>
      </c>
      <c r="O52" s="95">
        <v>1.6064084242495585E-2</v>
      </c>
      <c r="P52" s="177">
        <v>3775</v>
      </c>
      <c r="Q52" s="180">
        <v>0.35564628294109496</v>
      </c>
      <c r="R52" s="95">
        <v>1.5575953072880783E-2</v>
      </c>
      <c r="S52" s="180">
        <v>0.18550844427079569</v>
      </c>
      <c r="T52" s="95">
        <v>1.2655147927507052E-2</v>
      </c>
      <c r="U52" s="180">
        <v>0.45884527278811016</v>
      </c>
      <c r="V52" s="95">
        <v>1.6212072707073942E-2</v>
      </c>
    </row>
    <row r="53" spans="1:22">
      <c r="A53" s="55" t="s">
        <v>572</v>
      </c>
      <c r="B53" s="176">
        <v>4163</v>
      </c>
      <c r="C53" s="179">
        <v>0.19063351188811942</v>
      </c>
      <c r="D53" s="92">
        <v>1.21772380982019E-2</v>
      </c>
      <c r="E53" s="179">
        <v>0.17896277709040948</v>
      </c>
      <c r="F53" s="92">
        <v>1.1884286322672856E-2</v>
      </c>
      <c r="G53" s="179">
        <v>0.63040371102147941</v>
      </c>
      <c r="H53" s="92">
        <v>1.4956219725812228E-2</v>
      </c>
      <c r="I53" s="176">
        <v>4159</v>
      </c>
      <c r="J53" s="179">
        <v>0.30869418182013597</v>
      </c>
      <c r="K53" s="92">
        <v>1.4321801043767672E-2</v>
      </c>
      <c r="L53" s="179">
        <v>0.17669406804253121</v>
      </c>
      <c r="M53" s="92">
        <v>1.1830902667428119E-2</v>
      </c>
      <c r="N53" s="179">
        <v>0.51461175013734206</v>
      </c>
      <c r="O53" s="92">
        <v>1.549214757269666E-2</v>
      </c>
      <c r="P53" s="176">
        <v>4174</v>
      </c>
      <c r="Q53" s="179">
        <v>0.35709775633117952</v>
      </c>
      <c r="R53" s="92">
        <v>1.4826845876239069E-2</v>
      </c>
      <c r="S53" s="179">
        <v>0.15618709027723432</v>
      </c>
      <c r="T53" s="92">
        <v>1.1242524973903111E-2</v>
      </c>
      <c r="U53" s="179">
        <v>0.48671515339159654</v>
      </c>
      <c r="V53" s="92">
        <v>1.5465455897351902E-2</v>
      </c>
    </row>
    <row r="54" spans="1:22">
      <c r="A54" s="47" t="s">
        <v>573</v>
      </c>
      <c r="B54" s="177">
        <v>3995</v>
      </c>
      <c r="C54" s="180">
        <v>0.13949362043114211</v>
      </c>
      <c r="D54" s="95">
        <v>1.0969279658776613E-2</v>
      </c>
      <c r="E54" s="180">
        <v>0.13903918357355172</v>
      </c>
      <c r="F54" s="95">
        <v>1.0954351130198343E-2</v>
      </c>
      <c r="G54" s="180">
        <v>0.72146719599530129</v>
      </c>
      <c r="H54" s="95">
        <v>1.4180995280667378E-2</v>
      </c>
      <c r="I54" s="177">
        <v>3951</v>
      </c>
      <c r="J54" s="180">
        <v>0.19960902142245754</v>
      </c>
      <c r="K54" s="95">
        <v>1.271878829838596E-2</v>
      </c>
      <c r="L54" s="180">
        <v>0.13343458724803717</v>
      </c>
      <c r="M54" s="95">
        <v>1.0826827141562551E-2</v>
      </c>
      <c r="N54" s="180">
        <v>0.66695639132949802</v>
      </c>
      <c r="O54" s="95">
        <v>1.4990327030836787E-2</v>
      </c>
      <c r="P54" s="177">
        <v>4002</v>
      </c>
      <c r="Q54" s="180">
        <v>0.30707019881851105</v>
      </c>
      <c r="R54" s="95">
        <v>1.4578531703964693E-2</v>
      </c>
      <c r="S54" s="180">
        <v>0.15146615493944041</v>
      </c>
      <c r="T54" s="95">
        <v>1.1339037211701083E-2</v>
      </c>
      <c r="U54" s="180">
        <v>0.54146364624204169</v>
      </c>
      <c r="V54" s="95">
        <v>1.574523194971874E-2</v>
      </c>
    </row>
    <row r="55" spans="1:22">
      <c r="A55" s="55" t="s">
        <v>579</v>
      </c>
      <c r="B55" s="176">
        <v>9645</v>
      </c>
      <c r="C55" s="179">
        <v>0.20775329388348948</v>
      </c>
      <c r="D55" s="92">
        <v>8.2620231211019586E-3</v>
      </c>
      <c r="E55" s="179">
        <v>0.18345976063876188</v>
      </c>
      <c r="F55" s="92">
        <v>7.882580453671087E-3</v>
      </c>
      <c r="G55" s="179">
        <v>0.60878694547777112</v>
      </c>
      <c r="H55" s="92">
        <v>9.936584300075978E-3</v>
      </c>
      <c r="I55" s="176">
        <v>9607</v>
      </c>
      <c r="J55" s="179">
        <v>0.35399865401789982</v>
      </c>
      <c r="K55" s="92">
        <v>9.7561859203291485E-3</v>
      </c>
      <c r="L55" s="179">
        <v>0.17237427345537606</v>
      </c>
      <c r="M55" s="92">
        <v>7.7078782713199834E-3</v>
      </c>
      <c r="N55" s="179">
        <v>0.47362707252674796</v>
      </c>
      <c r="O55" s="92">
        <v>1.0186177571323753E-2</v>
      </c>
      <c r="P55" s="176">
        <v>9672</v>
      </c>
      <c r="Q55" s="179">
        <v>0.32758228716449572</v>
      </c>
      <c r="R55" s="92">
        <v>9.5430251278785846E-3</v>
      </c>
      <c r="S55" s="179">
        <v>0.17423499885084037</v>
      </c>
      <c r="T55" s="92">
        <v>7.7145457005549445E-3</v>
      </c>
      <c r="U55" s="179">
        <v>0.49818271398468844</v>
      </c>
      <c r="V55" s="92">
        <v>1.0165978899999322E-2</v>
      </c>
    </row>
    <row r="56" spans="1:22">
      <c r="A56" s="47" t="s">
        <v>585</v>
      </c>
      <c r="B56" s="177">
        <v>1549</v>
      </c>
      <c r="C56" s="180">
        <v>0.17259435666383088</v>
      </c>
      <c r="D56" s="95">
        <v>1.9215591606453267E-2</v>
      </c>
      <c r="E56" s="180">
        <v>0.17524287256942339</v>
      </c>
      <c r="F56" s="95">
        <v>1.9330414282636859E-2</v>
      </c>
      <c r="G56" s="180">
        <v>0.65216277076674789</v>
      </c>
      <c r="H56" s="95">
        <v>2.417821835231353E-2</v>
      </c>
      <c r="I56" s="177">
        <v>1546</v>
      </c>
      <c r="J56" s="180">
        <v>0.35228236192216811</v>
      </c>
      <c r="K56" s="95">
        <v>2.4272218342770099E-2</v>
      </c>
      <c r="L56" s="180">
        <v>0.16918402832013754</v>
      </c>
      <c r="M56" s="95">
        <v>1.9083849720952416E-2</v>
      </c>
      <c r="N56" s="180">
        <v>0.47853360975769677</v>
      </c>
      <c r="O56" s="95">
        <v>2.5376726415090253E-2</v>
      </c>
      <c r="P56" s="177">
        <v>1558</v>
      </c>
      <c r="Q56" s="180">
        <v>0.4094586892625709</v>
      </c>
      <c r="R56" s="95">
        <v>2.4886127503528553E-2</v>
      </c>
      <c r="S56" s="180">
        <v>0.17433540720095739</v>
      </c>
      <c r="T56" s="95">
        <v>1.9235388411075988E-2</v>
      </c>
      <c r="U56" s="180">
        <v>0.41620590353647458</v>
      </c>
      <c r="V56" s="95">
        <v>2.4946265667915284E-2</v>
      </c>
    </row>
    <row r="57" spans="1:22">
      <c r="A57" s="55" t="s">
        <v>586</v>
      </c>
      <c r="B57" s="176">
        <v>910</v>
      </c>
      <c r="C57" s="179">
        <v>0.17745130683275401</v>
      </c>
      <c r="D57" s="92">
        <v>2.5352737954793595E-2</v>
      </c>
      <c r="E57" s="179">
        <v>0.1700498896484437</v>
      </c>
      <c r="F57" s="92">
        <v>2.4936130604613187E-2</v>
      </c>
      <c r="G57" s="179">
        <v>0.65249880351880307</v>
      </c>
      <c r="H57" s="92">
        <v>3.1515146726142577E-2</v>
      </c>
      <c r="I57" s="176">
        <v>906</v>
      </c>
      <c r="J57" s="179">
        <v>0.35069673776720978</v>
      </c>
      <c r="K57" s="92">
        <v>3.1650847538329474E-2</v>
      </c>
      <c r="L57" s="179">
        <v>0.18920221353675509</v>
      </c>
      <c r="M57" s="92">
        <v>2.6039028924221073E-2</v>
      </c>
      <c r="N57" s="179">
        <v>0.46010104869603552</v>
      </c>
      <c r="O57" s="92">
        <v>3.3044893730876143E-2</v>
      </c>
      <c r="P57" s="176">
        <v>912</v>
      </c>
      <c r="Q57" s="179">
        <v>0.36886733537039945</v>
      </c>
      <c r="R57" s="92">
        <v>3.1894618908470888E-2</v>
      </c>
      <c r="S57" s="179">
        <v>0.18127190281762548</v>
      </c>
      <c r="T57" s="92">
        <v>2.5533409130205579E-2</v>
      </c>
      <c r="U57" s="179">
        <v>0.44986076181197487</v>
      </c>
      <c r="V57" s="92">
        <v>3.287583925182954E-2</v>
      </c>
    </row>
    <row r="58" spans="1:22">
      <c r="A58" s="47" t="s">
        <v>584</v>
      </c>
      <c r="B58" s="177">
        <v>306</v>
      </c>
      <c r="C58" s="180">
        <v>0.18487938744443216</v>
      </c>
      <c r="D58" s="95">
        <v>4.446746879948852E-2</v>
      </c>
      <c r="E58" s="180">
        <v>0.12935766471258137</v>
      </c>
      <c r="F58" s="95">
        <v>3.8712599860425752E-2</v>
      </c>
      <c r="G58" s="180">
        <v>0.68576294784298653</v>
      </c>
      <c r="H58" s="95">
        <v>5.2839001679260762E-2</v>
      </c>
      <c r="I58" s="177">
        <v>306</v>
      </c>
      <c r="J58" s="180">
        <v>0.34743581236290411</v>
      </c>
      <c r="K58" s="95">
        <v>5.4158782089228738E-2</v>
      </c>
      <c r="L58" s="180">
        <v>0.12910050006518758</v>
      </c>
      <c r="M58" s="95">
        <v>3.8681621662544213E-2</v>
      </c>
      <c r="N58" s="180">
        <v>0.52346368757190842</v>
      </c>
      <c r="O58" s="95">
        <v>5.6735216497855935E-2</v>
      </c>
      <c r="P58" s="177">
        <v>309</v>
      </c>
      <c r="Q58" s="180">
        <v>0.33510995597010707</v>
      </c>
      <c r="R58" s="95">
        <v>5.3443918536107547E-2</v>
      </c>
      <c r="S58" s="180">
        <v>0.12231580740982913</v>
      </c>
      <c r="T58" s="95">
        <v>3.7659520862895493E-2</v>
      </c>
      <c r="U58" s="180">
        <v>0.54257423662006388</v>
      </c>
      <c r="V58" s="95">
        <v>5.6323287043447835E-2</v>
      </c>
    </row>
    <row r="59" spans="1:22">
      <c r="A59" s="55" t="s">
        <v>587</v>
      </c>
      <c r="B59" s="176">
        <v>13071</v>
      </c>
      <c r="C59" s="179">
        <v>0.19880819521866905</v>
      </c>
      <c r="D59" s="92">
        <v>6.9818446572174359E-3</v>
      </c>
      <c r="E59" s="179">
        <v>0.18162716948335597</v>
      </c>
      <c r="F59" s="92">
        <v>6.7447479668311973E-3</v>
      </c>
      <c r="G59" s="179">
        <v>0.61956463529799266</v>
      </c>
      <c r="H59" s="92">
        <v>8.4918234169948214E-3</v>
      </c>
      <c r="I59" s="176">
        <v>13011</v>
      </c>
      <c r="J59" s="179">
        <v>0.35166970627044492</v>
      </c>
      <c r="K59" s="92">
        <v>8.3711750622747997E-3</v>
      </c>
      <c r="L59" s="179">
        <v>0.17517850130660587</v>
      </c>
      <c r="M59" s="92">
        <v>6.6653924772221099E-3</v>
      </c>
      <c r="N59" s="179">
        <v>0.47315179242296806</v>
      </c>
      <c r="O59" s="92">
        <v>8.752886432531512E-3</v>
      </c>
      <c r="P59" s="176">
        <v>13095</v>
      </c>
      <c r="Q59" s="179">
        <v>0.34232193926711058</v>
      </c>
      <c r="R59" s="92">
        <v>8.2918151436156967E-3</v>
      </c>
      <c r="S59" s="179">
        <v>0.17694940490437497</v>
      </c>
      <c r="T59" s="92">
        <v>6.670275034955298E-3</v>
      </c>
      <c r="U59" s="179">
        <v>0.48072865582853402</v>
      </c>
      <c r="V59" s="92">
        <v>8.7308857602266029E-3</v>
      </c>
    </row>
    <row r="61" spans="1:22" ht="18.75">
      <c r="A61" s="337" t="s">
        <v>232</v>
      </c>
      <c r="B61" s="337"/>
      <c r="C61" s="337"/>
      <c r="D61" s="337"/>
    </row>
    <row r="62" spans="1:22" ht="112.5" customHeight="1">
      <c r="A62" s="391" t="s">
        <v>394</v>
      </c>
      <c r="B62" s="391"/>
      <c r="C62" s="391"/>
      <c r="D62" s="391"/>
    </row>
    <row r="63" spans="1:22" ht="39" customHeight="1">
      <c r="A63" s="389" t="s">
        <v>233</v>
      </c>
      <c r="B63" s="389"/>
      <c r="C63" s="389"/>
      <c r="D63" s="389"/>
    </row>
    <row r="64" spans="1:22" ht="39" customHeight="1">
      <c r="A64" s="35" t="s">
        <v>70</v>
      </c>
      <c r="B64" s="36" t="s">
        <v>71</v>
      </c>
      <c r="C64" s="37" t="s">
        <v>550</v>
      </c>
      <c r="D64" s="38" t="s">
        <v>72</v>
      </c>
    </row>
    <row r="65" spans="1:4" ht="72">
      <c r="A65" s="39"/>
      <c r="B65" s="40" t="s">
        <v>73</v>
      </c>
      <c r="C65" s="126" t="s">
        <v>133</v>
      </c>
      <c r="D65" s="42" t="s">
        <v>75</v>
      </c>
    </row>
    <row r="66" spans="1:4">
      <c r="A66" s="43" t="s">
        <v>348</v>
      </c>
      <c r="B66" s="181">
        <v>13917</v>
      </c>
      <c r="C66" s="82">
        <v>3.2074450421480307</v>
      </c>
      <c r="D66" s="83">
        <v>2.489005461921338E-2</v>
      </c>
    </row>
    <row r="67" spans="1:4">
      <c r="A67" s="47" t="s">
        <v>349</v>
      </c>
      <c r="B67" s="47">
        <v>10206</v>
      </c>
      <c r="C67" s="184">
        <v>3.3536985486791351</v>
      </c>
      <c r="D67" s="185">
        <v>2.8654610158544529E-2</v>
      </c>
    </row>
    <row r="68" spans="1:4">
      <c r="A68" s="43" t="s">
        <v>350</v>
      </c>
      <c r="B68" s="51">
        <v>3711</v>
      </c>
      <c r="C68" s="82">
        <v>3.0887609169298753</v>
      </c>
      <c r="D68" s="83">
        <v>4.8343121708030068E-2</v>
      </c>
    </row>
    <row r="69" spans="1:4">
      <c r="A69" s="47" t="s">
        <v>574</v>
      </c>
      <c r="B69" s="47">
        <v>4988</v>
      </c>
      <c r="C69" s="184">
        <v>3.068145706119553</v>
      </c>
      <c r="D69" s="185">
        <v>4.1049854239636002E-2</v>
      </c>
    </row>
    <row r="70" spans="1:4">
      <c r="A70" s="43" t="s">
        <v>575</v>
      </c>
      <c r="B70" s="51">
        <v>5149</v>
      </c>
      <c r="C70" s="82">
        <v>3.4848036560592215</v>
      </c>
      <c r="D70" s="83">
        <v>3.9414713675793051E-2</v>
      </c>
    </row>
    <row r="71" spans="1:4">
      <c r="A71" s="47" t="s">
        <v>576</v>
      </c>
      <c r="B71" s="47">
        <v>3129</v>
      </c>
      <c r="C71" s="184">
        <v>3.5265706354308013</v>
      </c>
      <c r="D71" s="185">
        <v>5.3039878553510722E-2</v>
      </c>
    </row>
    <row r="72" spans="1:4">
      <c r="A72" s="43" t="s">
        <v>577</v>
      </c>
      <c r="B72" s="51">
        <v>413</v>
      </c>
      <c r="C72" s="82">
        <v>3.6600681159751685</v>
      </c>
      <c r="D72" s="83">
        <v>0.15169844277544986</v>
      </c>
    </row>
    <row r="73" spans="1:4">
      <c r="A73" s="47" t="s">
        <v>578</v>
      </c>
      <c r="B73" s="47">
        <v>144</v>
      </c>
      <c r="C73" s="184">
        <v>3.6469163212969353</v>
      </c>
      <c r="D73" s="185">
        <v>0.2702639353501094</v>
      </c>
    </row>
    <row r="74" spans="1:4">
      <c r="A74" s="43" t="s">
        <v>581</v>
      </c>
      <c r="B74" s="51">
        <v>9838</v>
      </c>
      <c r="C74" s="82">
        <v>3.1684047214297228</v>
      </c>
      <c r="D74" s="83">
        <v>2.9221081294789331E-2</v>
      </c>
    </row>
    <row r="75" spans="1:4">
      <c r="A75" s="47" t="s">
        <v>580</v>
      </c>
      <c r="B75" s="47">
        <v>4020</v>
      </c>
      <c r="C75" s="184">
        <v>3.5383599036143232</v>
      </c>
      <c r="D75" s="185">
        <v>4.6941751146133137E-2</v>
      </c>
    </row>
    <row r="76" spans="1:4">
      <c r="A76" s="43" t="s">
        <v>583</v>
      </c>
      <c r="B76" s="181">
        <v>920</v>
      </c>
      <c r="C76" s="82">
        <v>3.5429683147984741</v>
      </c>
      <c r="D76" s="83">
        <v>9.9599617586939276E-2</v>
      </c>
    </row>
    <row r="77" spans="1:4">
      <c r="A77" s="47" t="s">
        <v>582</v>
      </c>
      <c r="B77" s="183">
        <v>3100</v>
      </c>
      <c r="C77" s="184">
        <v>3.5367037889810877</v>
      </c>
      <c r="D77" s="185">
        <v>5.321200552939645E-2</v>
      </c>
    </row>
    <row r="78" spans="1:4">
      <c r="A78" s="43" t="s">
        <v>568</v>
      </c>
      <c r="B78" s="81">
        <v>8268</v>
      </c>
      <c r="C78" s="82">
        <v>3.1704598070644612</v>
      </c>
      <c r="D78" s="83">
        <v>3.1974921196716515E-2</v>
      </c>
    </row>
    <row r="79" spans="1:4">
      <c r="A79" s="47" t="s">
        <v>569</v>
      </c>
      <c r="B79" s="183">
        <v>5513</v>
      </c>
      <c r="C79" s="184">
        <v>3.2435612003286041</v>
      </c>
      <c r="D79" s="185">
        <v>4.0155877933654695E-2</v>
      </c>
    </row>
    <row r="80" spans="1:4">
      <c r="A80" s="55" t="s">
        <v>570</v>
      </c>
      <c r="B80" s="181">
        <v>1777</v>
      </c>
      <c r="C80" s="82">
        <v>3.2092614216559738</v>
      </c>
      <c r="D80" s="83">
        <v>7.1977312931936877E-2</v>
      </c>
    </row>
    <row r="81" spans="1:30">
      <c r="A81" s="47" t="s">
        <v>571</v>
      </c>
      <c r="B81" s="183">
        <v>3765</v>
      </c>
      <c r="C81" s="184">
        <v>3.3059836851254225</v>
      </c>
      <c r="D81" s="185">
        <v>4.7353971024308286E-2</v>
      </c>
    </row>
    <row r="82" spans="1:30">
      <c r="A82" s="55" t="s">
        <v>572</v>
      </c>
      <c r="B82" s="181">
        <v>4174</v>
      </c>
      <c r="C82" s="82">
        <v>3.0820728513596372</v>
      </c>
      <c r="D82" s="83">
        <v>4.4125123883935247E-2</v>
      </c>
    </row>
    <row r="83" spans="1:30">
      <c r="A83" s="47" t="s">
        <v>573</v>
      </c>
      <c r="B83" s="183">
        <v>3998</v>
      </c>
      <c r="C83" s="184">
        <v>3.1695652960247989</v>
      </c>
      <c r="D83" s="185">
        <v>4.7552259223185081E-2</v>
      </c>
    </row>
    <row r="84" spans="1:30">
      <c r="A84" s="55" t="s">
        <v>579</v>
      </c>
      <c r="B84" s="181">
        <v>9652</v>
      </c>
      <c r="C84" s="82">
        <v>3.1979711335507108</v>
      </c>
      <c r="D84" s="83">
        <v>2.9879798088526883E-2</v>
      </c>
    </row>
    <row r="85" spans="1:30">
      <c r="A85" s="47" t="s">
        <v>585</v>
      </c>
      <c r="B85" s="183">
        <v>1554</v>
      </c>
      <c r="C85" s="184">
        <v>3.1149133302638936</v>
      </c>
      <c r="D85" s="185">
        <v>7.1807811239294916E-2</v>
      </c>
      <c r="P85" s="248"/>
      <c r="Q85" s="248"/>
      <c r="R85" s="248"/>
      <c r="S85" s="248"/>
      <c r="T85" s="248"/>
      <c r="U85" s="248"/>
      <c r="V85" s="248"/>
      <c r="W85" s="248"/>
      <c r="X85" s="248"/>
      <c r="Y85" s="248"/>
      <c r="Z85" s="248"/>
      <c r="AA85" s="248"/>
      <c r="AB85" s="248"/>
      <c r="AC85" s="248"/>
      <c r="AD85" s="248"/>
    </row>
    <row r="86" spans="1:30">
      <c r="A86" s="55" t="s">
        <v>586</v>
      </c>
      <c r="B86" s="181">
        <v>911</v>
      </c>
      <c r="C86" s="82">
        <v>3.3572906989618807</v>
      </c>
      <c r="D86" s="83">
        <v>0.10109736740927187</v>
      </c>
      <c r="P86" s="248"/>
      <c r="Q86" s="248"/>
      <c r="R86" s="248"/>
      <c r="S86" s="248"/>
      <c r="T86" s="248"/>
      <c r="U86" s="248"/>
      <c r="V86" s="248"/>
      <c r="W86" s="248"/>
      <c r="X86" s="248"/>
      <c r="Y86" s="248"/>
      <c r="Z86" s="248"/>
      <c r="AA86" s="248"/>
      <c r="AB86" s="248"/>
      <c r="AC86" s="248"/>
      <c r="AD86" s="248"/>
    </row>
    <row r="87" spans="1:30">
      <c r="A87" s="47" t="s">
        <v>584</v>
      </c>
      <c r="B87" s="183">
        <v>304</v>
      </c>
      <c r="C87" s="184">
        <v>3.4928961017910032</v>
      </c>
      <c r="D87" s="185">
        <v>0.18215370545478018</v>
      </c>
      <c r="P87" s="248"/>
      <c r="Q87" s="248"/>
      <c r="R87" s="248"/>
      <c r="S87" s="248"/>
      <c r="T87" s="248"/>
      <c r="U87" s="248"/>
      <c r="V87" s="248"/>
      <c r="W87" s="248"/>
      <c r="X87" s="248"/>
      <c r="Y87" s="248"/>
      <c r="Z87" s="248"/>
      <c r="AA87" s="248"/>
      <c r="AB87" s="248"/>
      <c r="AC87" s="248"/>
      <c r="AD87" s="248"/>
    </row>
    <row r="88" spans="1:30">
      <c r="A88" s="55" t="s">
        <v>587</v>
      </c>
      <c r="B88" s="181">
        <v>13079</v>
      </c>
      <c r="C88" s="82">
        <v>3.2031394456338727</v>
      </c>
      <c r="D88" s="83">
        <v>2.5600655678101405E-2</v>
      </c>
      <c r="P88" s="248"/>
      <c r="Q88" s="248"/>
      <c r="R88" s="248"/>
      <c r="S88" s="248"/>
      <c r="T88" s="248"/>
      <c r="U88" s="248"/>
      <c r="V88" s="248"/>
      <c r="W88" s="248"/>
      <c r="X88" s="248"/>
      <c r="Y88" s="248"/>
      <c r="Z88" s="248"/>
      <c r="AA88" s="248"/>
      <c r="AB88" s="248"/>
      <c r="AC88" s="248"/>
      <c r="AD88" s="248"/>
    </row>
    <row r="89" spans="1:30">
      <c r="P89" s="248"/>
      <c r="Q89" s="248"/>
      <c r="R89" s="248"/>
      <c r="S89" s="248"/>
      <c r="T89" s="248"/>
      <c r="U89" s="248"/>
      <c r="V89" s="248"/>
      <c r="W89" s="248"/>
      <c r="X89" s="248"/>
      <c r="Y89" s="248"/>
      <c r="Z89" s="248"/>
      <c r="AA89" s="248"/>
      <c r="AB89" s="248"/>
      <c r="AC89" s="248"/>
      <c r="AD89" s="248"/>
    </row>
    <row r="90" spans="1:30" ht="18.75">
      <c r="A90" s="337" t="s">
        <v>46</v>
      </c>
      <c r="B90" s="337"/>
      <c r="C90" s="337"/>
      <c r="D90" s="337"/>
      <c r="E90" s="337"/>
      <c r="F90" s="337"/>
      <c r="G90" s="337"/>
      <c r="H90" s="337"/>
      <c r="I90" s="337"/>
      <c r="J90" s="337"/>
      <c r="K90" s="337"/>
      <c r="L90" s="337"/>
      <c r="M90" s="337"/>
      <c r="N90" s="337"/>
      <c r="O90" s="337"/>
      <c r="P90" s="337"/>
      <c r="Q90" s="337"/>
      <c r="R90" s="337"/>
      <c r="S90" s="337"/>
      <c r="T90" s="337"/>
      <c r="U90" s="337"/>
      <c r="V90" s="337"/>
      <c r="W90" s="230"/>
      <c r="X90" s="230"/>
      <c r="Y90" s="230"/>
      <c r="Z90" s="230"/>
      <c r="AA90" s="230"/>
      <c r="AB90" s="230"/>
      <c r="AC90" s="230"/>
      <c r="AD90" s="248"/>
    </row>
    <row r="91" spans="1:30" ht="38.25" customHeight="1">
      <c r="A91" s="397" t="s">
        <v>395</v>
      </c>
      <c r="B91" s="397"/>
      <c r="C91" s="397"/>
      <c r="D91" s="397"/>
      <c r="E91" s="397"/>
      <c r="F91" s="397"/>
      <c r="G91" s="397"/>
      <c r="H91" s="397"/>
      <c r="I91" s="397"/>
      <c r="J91" s="397"/>
      <c r="K91" s="397"/>
      <c r="L91" s="397"/>
      <c r="M91" s="397"/>
      <c r="N91" s="397"/>
      <c r="O91" s="397"/>
      <c r="P91" s="397"/>
      <c r="Q91" s="397"/>
      <c r="R91" s="397"/>
      <c r="S91" s="397"/>
      <c r="T91" s="397"/>
      <c r="U91" s="397"/>
      <c r="V91" s="397"/>
      <c r="W91" s="245"/>
      <c r="X91" s="245"/>
      <c r="Y91" s="245"/>
      <c r="Z91" s="245"/>
      <c r="AA91" s="245"/>
      <c r="AB91" s="245"/>
      <c r="AC91" s="245"/>
      <c r="AD91" s="248"/>
    </row>
    <row r="92" spans="1:30" ht="38.25" customHeight="1">
      <c r="A92" s="62"/>
      <c r="B92" s="343" t="s">
        <v>396</v>
      </c>
      <c r="C92" s="343"/>
      <c r="D92" s="343"/>
      <c r="E92" s="343"/>
      <c r="F92" s="343"/>
      <c r="G92" s="343"/>
      <c r="H92" s="343"/>
      <c r="I92" s="343" t="s">
        <v>216</v>
      </c>
      <c r="J92" s="343"/>
      <c r="K92" s="343"/>
      <c r="L92" s="343"/>
      <c r="M92" s="343"/>
      <c r="N92" s="343"/>
      <c r="O92" s="343"/>
      <c r="P92" s="392" t="s">
        <v>217</v>
      </c>
      <c r="Q92" s="393"/>
      <c r="R92" s="393"/>
      <c r="S92" s="393"/>
      <c r="T92" s="393"/>
      <c r="U92" s="393"/>
      <c r="V92" s="394"/>
    </row>
    <row r="93" spans="1:30" ht="72">
      <c r="A93" s="35" t="s">
        <v>70</v>
      </c>
      <c r="B93" s="36" t="s">
        <v>71</v>
      </c>
      <c r="C93" s="36" t="s">
        <v>179</v>
      </c>
      <c r="D93" s="87" t="s">
        <v>134</v>
      </c>
      <c r="E93" s="36" t="s">
        <v>180</v>
      </c>
      <c r="F93" s="87" t="s">
        <v>135</v>
      </c>
      <c r="G93" s="36" t="s">
        <v>181</v>
      </c>
      <c r="H93" s="87" t="s">
        <v>136</v>
      </c>
      <c r="I93" s="63" t="s">
        <v>71</v>
      </c>
      <c r="J93" s="63" t="s">
        <v>179</v>
      </c>
      <c r="K93" s="86" t="s">
        <v>134</v>
      </c>
      <c r="L93" s="63" t="s">
        <v>180</v>
      </c>
      <c r="M93" s="86" t="s">
        <v>135</v>
      </c>
      <c r="N93" s="63" t="s">
        <v>181</v>
      </c>
      <c r="O93" s="86" t="s">
        <v>136</v>
      </c>
      <c r="P93" s="36" t="s">
        <v>71</v>
      </c>
      <c r="Q93" s="36" t="s">
        <v>179</v>
      </c>
      <c r="R93" s="87" t="s">
        <v>134</v>
      </c>
      <c r="S93" s="36" t="s">
        <v>180</v>
      </c>
      <c r="T93" s="87" t="s">
        <v>135</v>
      </c>
      <c r="U93" s="36" t="s">
        <v>181</v>
      </c>
      <c r="V93" s="87" t="s">
        <v>136</v>
      </c>
    </row>
    <row r="94" spans="1:30" ht="72">
      <c r="A94" s="39"/>
      <c r="B94" s="40" t="s">
        <v>73</v>
      </c>
      <c r="C94" s="40" t="s">
        <v>158</v>
      </c>
      <c r="D94" s="89" t="s">
        <v>87</v>
      </c>
      <c r="E94" s="40" t="s">
        <v>159</v>
      </c>
      <c r="F94" s="89" t="s">
        <v>87</v>
      </c>
      <c r="G94" s="40" t="s">
        <v>160</v>
      </c>
      <c r="H94" s="89" t="s">
        <v>87</v>
      </c>
      <c r="I94" s="66" t="s">
        <v>73</v>
      </c>
      <c r="J94" s="66" t="s">
        <v>158</v>
      </c>
      <c r="K94" s="88" t="s">
        <v>87</v>
      </c>
      <c r="L94" s="66" t="s">
        <v>159</v>
      </c>
      <c r="M94" s="88" t="s">
        <v>87</v>
      </c>
      <c r="N94" s="66" t="s">
        <v>160</v>
      </c>
      <c r="O94" s="88" t="s">
        <v>87</v>
      </c>
      <c r="P94" s="40" t="s">
        <v>73</v>
      </c>
      <c r="Q94" s="40" t="s">
        <v>158</v>
      </c>
      <c r="R94" s="89" t="s">
        <v>87</v>
      </c>
      <c r="S94" s="40" t="s">
        <v>159</v>
      </c>
      <c r="T94" s="89" t="s">
        <v>87</v>
      </c>
      <c r="U94" s="40" t="s">
        <v>160</v>
      </c>
      <c r="V94" s="89" t="s">
        <v>87</v>
      </c>
    </row>
    <row r="95" spans="1:30">
      <c r="A95" s="43" t="s">
        <v>348</v>
      </c>
      <c r="B95" s="181">
        <v>13864</v>
      </c>
      <c r="C95" s="186">
        <v>0.36941685225473447</v>
      </c>
      <c r="D95" s="92">
        <v>8.1971291735852322E-3</v>
      </c>
      <c r="E95" s="186">
        <v>0.18191280805711105</v>
      </c>
      <c r="F95" s="92">
        <v>6.5529921928604217E-3</v>
      </c>
      <c r="G95" s="186">
        <v>0.4486703396881711</v>
      </c>
      <c r="H95" s="92">
        <v>8.4468303567892446E-3</v>
      </c>
      <c r="I95" s="181">
        <v>13874</v>
      </c>
      <c r="J95" s="186">
        <v>0.68703414810968599</v>
      </c>
      <c r="K95" s="92">
        <v>7.8727154349536518E-3</v>
      </c>
      <c r="L95" s="186">
        <v>0.10693583474896291</v>
      </c>
      <c r="M95" s="92">
        <v>5.2489435293593826E-3</v>
      </c>
      <c r="N95" s="186">
        <v>0.20603001714136485</v>
      </c>
      <c r="O95" s="92">
        <v>6.8675203366448962E-3</v>
      </c>
      <c r="P95" s="181">
        <v>13801</v>
      </c>
      <c r="Q95" s="186">
        <v>0.63243341264434283</v>
      </c>
      <c r="R95" s="92">
        <v>8.2072317890079828E-3</v>
      </c>
      <c r="S95" s="186">
        <v>0.11159186567701865</v>
      </c>
      <c r="T95" s="92">
        <v>5.3619862697563397E-3</v>
      </c>
      <c r="U95" s="186">
        <v>0.25597472167865454</v>
      </c>
      <c r="V95" s="92">
        <v>7.429224998737969E-3</v>
      </c>
    </row>
    <row r="96" spans="1:30">
      <c r="A96" s="47" t="s">
        <v>349</v>
      </c>
      <c r="B96" s="183">
        <v>10169</v>
      </c>
      <c r="C96" s="187">
        <v>0.29921799622467765</v>
      </c>
      <c r="D96" s="95">
        <v>9.0807897432153995E-3</v>
      </c>
      <c r="E96" s="187">
        <v>0.17364389363614335</v>
      </c>
      <c r="F96" s="95">
        <v>7.513556227539942E-3</v>
      </c>
      <c r="G96" s="187">
        <v>0.52713811013917389</v>
      </c>
      <c r="H96" s="95">
        <v>9.9000033665326351E-3</v>
      </c>
      <c r="I96" s="183">
        <v>10178</v>
      </c>
      <c r="J96" s="187">
        <v>0.67399356076051931</v>
      </c>
      <c r="K96" s="95">
        <v>9.2913305987163321E-3</v>
      </c>
      <c r="L96" s="187">
        <v>9.8012257373976036E-2</v>
      </c>
      <c r="M96" s="95">
        <v>5.8974672176965066E-3</v>
      </c>
      <c r="N96" s="187">
        <v>0.22799418186549908</v>
      </c>
      <c r="O96" s="95">
        <v>8.3168201397571546E-3</v>
      </c>
      <c r="P96" s="183">
        <v>10110</v>
      </c>
      <c r="Q96" s="187">
        <v>0.64785030239475649</v>
      </c>
      <c r="R96" s="95">
        <v>9.4991767243926203E-3</v>
      </c>
      <c r="S96" s="187">
        <v>9.3200115458179425E-2</v>
      </c>
      <c r="T96" s="95">
        <v>5.7858673099878671E-3</v>
      </c>
      <c r="U96" s="187">
        <v>0.25894958214705782</v>
      </c>
      <c r="V96" s="95">
        <v>8.7126847142486377E-3</v>
      </c>
    </row>
    <row r="97" spans="1:22">
      <c r="A97" s="43" t="s">
        <v>350</v>
      </c>
      <c r="B97" s="181">
        <v>3695</v>
      </c>
      <c r="C97" s="186">
        <v>0.4264237590466618</v>
      </c>
      <c r="D97" s="92">
        <v>1.6263517916383152E-2</v>
      </c>
      <c r="E97" s="186">
        <v>0.18862780685231045</v>
      </c>
      <c r="F97" s="92">
        <v>1.2873537070686917E-2</v>
      </c>
      <c r="G97" s="186">
        <v>0.38494843410102897</v>
      </c>
      <c r="H97" s="92">
        <v>1.6001883833632921E-2</v>
      </c>
      <c r="I97" s="181">
        <v>3696</v>
      </c>
      <c r="J97" s="186">
        <v>0.69762716992267959</v>
      </c>
      <c r="K97" s="92">
        <v>1.5104246853814672E-2</v>
      </c>
      <c r="L97" s="186">
        <v>0.11418456114849343</v>
      </c>
      <c r="M97" s="92">
        <v>1.0473550661158119E-2</v>
      </c>
      <c r="N97" s="186">
        <v>0.18818826892882773</v>
      </c>
      <c r="O97" s="92">
        <v>1.2860311892058386E-2</v>
      </c>
      <c r="P97" s="181">
        <v>3691</v>
      </c>
      <c r="Q97" s="186">
        <v>0.61996938191198347</v>
      </c>
      <c r="R97" s="92">
        <v>1.5971506831509177E-2</v>
      </c>
      <c r="S97" s="186">
        <v>0.12646096986470978</v>
      </c>
      <c r="T97" s="92">
        <v>1.0950523604734065E-2</v>
      </c>
      <c r="U97" s="186">
        <v>0.25356964822330663</v>
      </c>
      <c r="V97" s="92">
        <v>1.4319134386208946E-2</v>
      </c>
    </row>
    <row r="98" spans="1:22">
      <c r="A98" s="47" t="s">
        <v>574</v>
      </c>
      <c r="B98" s="183">
        <v>4969</v>
      </c>
      <c r="C98" s="187">
        <v>0.4171902088042943</v>
      </c>
      <c r="D98" s="95">
        <v>1.3984955449679832E-2</v>
      </c>
      <c r="E98" s="187">
        <v>0.18655233212470176</v>
      </c>
      <c r="F98" s="95">
        <v>1.1053806887886252E-2</v>
      </c>
      <c r="G98" s="187">
        <v>0.39625745907100574</v>
      </c>
      <c r="H98" s="95">
        <v>1.3872383563873174E-2</v>
      </c>
      <c r="I98" s="183">
        <v>4969</v>
      </c>
      <c r="J98" s="187">
        <v>0.71483537000963626</v>
      </c>
      <c r="K98" s="95">
        <v>1.2807095787571592E-2</v>
      </c>
      <c r="L98" s="187">
        <v>0.10757937452879585</v>
      </c>
      <c r="M98" s="95">
        <v>8.798921433761403E-3</v>
      </c>
      <c r="N98" s="187">
        <v>0.17758525546157064</v>
      </c>
      <c r="O98" s="95">
        <v>1.0844712735926338E-2</v>
      </c>
      <c r="P98" s="183">
        <v>4959</v>
      </c>
      <c r="Q98" s="187">
        <v>0.63418557321237801</v>
      </c>
      <c r="R98" s="95">
        <v>1.3674882568408576E-2</v>
      </c>
      <c r="S98" s="187">
        <v>0.11777079732750753</v>
      </c>
      <c r="T98" s="95">
        <v>9.1613359857930787E-3</v>
      </c>
      <c r="U98" s="187">
        <v>0.24804362946011621</v>
      </c>
      <c r="V98" s="95">
        <v>1.2264144816607083E-2</v>
      </c>
    </row>
    <row r="99" spans="1:22">
      <c r="A99" s="43" t="s">
        <v>575</v>
      </c>
      <c r="B99" s="181">
        <v>5133</v>
      </c>
      <c r="C99" s="186">
        <v>0.25851432803767022</v>
      </c>
      <c r="D99" s="92">
        <v>1.222001444364435E-2</v>
      </c>
      <c r="E99" s="186">
        <v>0.17322832686440251</v>
      </c>
      <c r="F99" s="92">
        <v>1.0566455901907074E-2</v>
      </c>
      <c r="G99" s="186">
        <v>0.56825734509792658</v>
      </c>
      <c r="H99" s="92">
        <v>1.3821864781895492E-2</v>
      </c>
      <c r="I99" s="181">
        <v>5136</v>
      </c>
      <c r="J99" s="186">
        <v>0.64273062727424257</v>
      </c>
      <c r="K99" s="92">
        <v>1.3368749876601268E-2</v>
      </c>
      <c r="L99" s="186">
        <v>9.7824903535484828E-2</v>
      </c>
      <c r="M99" s="92">
        <v>8.2992117539299175E-3</v>
      </c>
      <c r="N99" s="186">
        <v>0.25944446919027364</v>
      </c>
      <c r="O99" s="92">
        <v>1.2230696435740956E-2</v>
      </c>
      <c r="P99" s="181">
        <v>5105</v>
      </c>
      <c r="Q99" s="186">
        <v>0.63006795124311621</v>
      </c>
      <c r="R99" s="92">
        <v>1.3509565663919965E-2</v>
      </c>
      <c r="S99" s="186">
        <v>9.5564241977987033E-2</v>
      </c>
      <c r="T99" s="92">
        <v>8.2383624013345914E-3</v>
      </c>
      <c r="U99" s="186">
        <v>0.27436780677889783</v>
      </c>
      <c r="V99" s="92">
        <v>1.2487450741702173E-2</v>
      </c>
    </row>
    <row r="100" spans="1:22">
      <c r="A100" s="47" t="s">
        <v>576</v>
      </c>
      <c r="B100" s="183">
        <v>3117</v>
      </c>
      <c r="C100" s="187">
        <v>0.27158066934677089</v>
      </c>
      <c r="D100" s="95">
        <v>1.5928318437647731E-2</v>
      </c>
      <c r="E100" s="187">
        <v>0.17435435076335765</v>
      </c>
      <c r="F100" s="95">
        <v>1.3595830273989598E-2</v>
      </c>
      <c r="G100" s="187">
        <v>0.55406497988986403</v>
      </c>
      <c r="H100" s="95">
        <v>1.7795321241562155E-2</v>
      </c>
      <c r="I100" s="183">
        <v>3120</v>
      </c>
      <c r="J100" s="187">
        <v>0.60734365552289826</v>
      </c>
      <c r="K100" s="95">
        <v>1.7475310118571261E-2</v>
      </c>
      <c r="L100" s="187">
        <v>0.11703393535528173</v>
      </c>
      <c r="M100" s="95">
        <v>1.1523639921351709E-2</v>
      </c>
      <c r="N100" s="187">
        <v>0.27562240912181268</v>
      </c>
      <c r="O100" s="95">
        <v>1.5993898460705567E-2</v>
      </c>
      <c r="P100" s="183">
        <v>3096</v>
      </c>
      <c r="Q100" s="187">
        <v>0.63119294885346489</v>
      </c>
      <c r="R100" s="95">
        <v>1.7332899856817484E-2</v>
      </c>
      <c r="S100" s="187">
        <v>9.6661569198439143E-2</v>
      </c>
      <c r="T100" s="95">
        <v>1.0640013559040231E-2</v>
      </c>
      <c r="U100" s="187">
        <v>0.27214548194808885</v>
      </c>
      <c r="V100" s="95">
        <v>1.5992587528024637E-2</v>
      </c>
    </row>
    <row r="101" spans="1:22">
      <c r="A101" s="43" t="s">
        <v>577</v>
      </c>
      <c r="B101" s="181">
        <v>409</v>
      </c>
      <c r="C101" s="186">
        <v>0.29563160888204093</v>
      </c>
      <c r="D101" s="92">
        <v>4.4995418438787314E-2</v>
      </c>
      <c r="E101" s="186">
        <v>0.11219991468601302</v>
      </c>
      <c r="F101" s="92">
        <v>3.1509265188187287E-2</v>
      </c>
      <c r="G101" s="186">
        <v>0.59216847643194559</v>
      </c>
      <c r="H101" s="92">
        <v>4.8379925768072665E-2</v>
      </c>
      <c r="I101" s="181">
        <v>413</v>
      </c>
      <c r="J101" s="186">
        <v>0.60147600421526382</v>
      </c>
      <c r="K101" s="92">
        <v>4.7970736955476947E-2</v>
      </c>
      <c r="L101" s="186">
        <v>9.7121517124884177E-2</v>
      </c>
      <c r="M101" s="92">
        <v>2.9510454161849674E-2</v>
      </c>
      <c r="N101" s="186">
        <v>0.30140247865985137</v>
      </c>
      <c r="O101" s="92">
        <v>4.5021929838587361E-2</v>
      </c>
      <c r="P101" s="181">
        <v>404</v>
      </c>
      <c r="Q101" s="186">
        <v>0.57843191739473254</v>
      </c>
      <c r="R101" s="92">
        <v>4.8906519674355664E-2</v>
      </c>
      <c r="S101" s="186">
        <v>0.12802477138028526</v>
      </c>
      <c r="T101" s="92">
        <v>3.3480193212924975E-2</v>
      </c>
      <c r="U101" s="186">
        <v>0.29354331122498184</v>
      </c>
      <c r="V101" s="92">
        <v>4.5180174225313299E-2</v>
      </c>
    </row>
    <row r="102" spans="1:22">
      <c r="A102" s="47" t="s">
        <v>578</v>
      </c>
      <c r="B102" s="183">
        <v>143</v>
      </c>
      <c r="C102" s="187">
        <v>0.33238538908624354</v>
      </c>
      <c r="D102" s="95">
        <v>7.7969730911467652E-2</v>
      </c>
      <c r="E102" s="187">
        <v>8.3664260616249098E-2</v>
      </c>
      <c r="F102" s="95">
        <v>4.8366354363229495E-2</v>
      </c>
      <c r="G102" s="187">
        <v>0.58395035029750686</v>
      </c>
      <c r="H102" s="95">
        <v>8.1371018351590815E-2</v>
      </c>
      <c r="I102" s="183">
        <v>142</v>
      </c>
      <c r="J102" s="187">
        <v>0.50575627749854368</v>
      </c>
      <c r="K102" s="95">
        <v>8.2755400601780493E-2</v>
      </c>
      <c r="L102" s="187">
        <v>0.10208941076945367</v>
      </c>
      <c r="M102" s="95">
        <v>5.240100612845347E-2</v>
      </c>
      <c r="N102" s="187">
        <v>0.39215431173200216</v>
      </c>
      <c r="O102" s="95">
        <v>8.0919015092191973E-2</v>
      </c>
      <c r="P102" s="183">
        <v>144</v>
      </c>
      <c r="Q102" s="187">
        <v>0.64194020030189991</v>
      </c>
      <c r="R102" s="95">
        <v>7.9001760342161345E-2</v>
      </c>
      <c r="S102" s="187">
        <v>6.5760794283301116E-2</v>
      </c>
      <c r="T102" s="95">
        <v>4.3956737245600133E-2</v>
      </c>
      <c r="U102" s="187">
        <v>0.29229900541479881</v>
      </c>
      <c r="V102" s="95">
        <v>7.5186373991675895E-2</v>
      </c>
    </row>
    <row r="103" spans="1:22">
      <c r="A103" s="43" t="s">
        <v>581</v>
      </c>
      <c r="B103" s="181">
        <v>9806</v>
      </c>
      <c r="C103" s="186">
        <v>0.37968276278843555</v>
      </c>
      <c r="D103" s="92">
        <v>9.7999472696903844E-3</v>
      </c>
      <c r="E103" s="186">
        <v>0.1838304938229193</v>
      </c>
      <c r="F103" s="92">
        <v>7.82370339523864E-3</v>
      </c>
      <c r="G103" s="186">
        <v>0.43648674338866633</v>
      </c>
      <c r="H103" s="92">
        <v>1.0014655015131454E-2</v>
      </c>
      <c r="I103" s="181">
        <v>9802</v>
      </c>
      <c r="J103" s="186">
        <v>0.69599666016370476</v>
      </c>
      <c r="K103" s="92">
        <v>9.2909251449742151E-3</v>
      </c>
      <c r="L103" s="186">
        <v>0.10876068012360822</v>
      </c>
      <c r="M103" s="92">
        <v>6.2921155787186451E-3</v>
      </c>
      <c r="N103" s="186">
        <v>0.19524265971270757</v>
      </c>
      <c r="O103" s="92">
        <v>8.007713996704139E-3</v>
      </c>
      <c r="P103" s="181">
        <v>9765</v>
      </c>
      <c r="Q103" s="186">
        <v>0.63464805700016902</v>
      </c>
      <c r="R103" s="92">
        <v>9.7440842415313558E-3</v>
      </c>
      <c r="S103" s="186">
        <v>0.11403907590347208</v>
      </c>
      <c r="T103" s="92">
        <v>6.4357778602113251E-3</v>
      </c>
      <c r="U103" s="186">
        <v>0.25131286709638107</v>
      </c>
      <c r="V103" s="92">
        <v>8.7785122249215176E-3</v>
      </c>
    </row>
    <row r="104" spans="1:22">
      <c r="A104" s="47" t="s">
        <v>580</v>
      </c>
      <c r="B104" s="183">
        <v>4000</v>
      </c>
      <c r="C104" s="187">
        <v>0.2821968865054138</v>
      </c>
      <c r="D104" s="95">
        <v>1.4228636053239672E-2</v>
      </c>
      <c r="E104" s="187">
        <v>0.155607373333604</v>
      </c>
      <c r="F104" s="95">
        <v>1.1467304689358134E-2</v>
      </c>
      <c r="G104" s="187">
        <v>0.56219574016098117</v>
      </c>
      <c r="H104" s="95">
        <v>1.5680992360661509E-2</v>
      </c>
      <c r="I104" s="183">
        <v>4013</v>
      </c>
      <c r="J104" s="187">
        <v>0.60650780919728819</v>
      </c>
      <c r="K104" s="95">
        <v>1.5416503355067961E-2</v>
      </c>
      <c r="L104" s="187">
        <v>8.9514693521520097E-2</v>
      </c>
      <c r="M104" s="95">
        <v>9.0272299212073529E-3</v>
      </c>
      <c r="N104" s="187">
        <v>0.30397749728119011</v>
      </c>
      <c r="O104" s="95">
        <v>1.4517436135426429E-2</v>
      </c>
      <c r="P104" s="183">
        <v>3977</v>
      </c>
      <c r="Q104" s="187">
        <v>0.61771655553129956</v>
      </c>
      <c r="R104" s="95">
        <v>1.5404473694583616E-2</v>
      </c>
      <c r="S104" s="187">
        <v>9.002147602823074E-2</v>
      </c>
      <c r="T104" s="95">
        <v>9.0910827936158574E-3</v>
      </c>
      <c r="U104" s="187">
        <v>0.29226196844046876</v>
      </c>
      <c r="V104" s="95">
        <v>1.4419403767461899E-2</v>
      </c>
    </row>
    <row r="105" spans="1:22">
      <c r="A105" s="43" t="s">
        <v>583</v>
      </c>
      <c r="B105" s="181">
        <v>913</v>
      </c>
      <c r="C105" s="186">
        <v>0.28367343159774433</v>
      </c>
      <c r="D105" s="92">
        <v>2.9801977399625954E-2</v>
      </c>
      <c r="E105" s="186">
        <v>0.15091529377934707</v>
      </c>
      <c r="F105" s="92">
        <v>2.3739835725236677E-2</v>
      </c>
      <c r="G105" s="186">
        <v>0.5654112746229073</v>
      </c>
      <c r="H105" s="92">
        <v>3.274158501396604E-2</v>
      </c>
      <c r="I105" s="181">
        <v>918</v>
      </c>
      <c r="J105" s="186">
        <v>0.60997871271794679</v>
      </c>
      <c r="K105" s="92">
        <v>3.2133763513790353E-2</v>
      </c>
      <c r="L105" s="186">
        <v>7.8676569322535236E-2</v>
      </c>
      <c r="M105" s="92">
        <v>1.7920464479696793E-2</v>
      </c>
      <c r="N105" s="186">
        <v>0.31134471795951713</v>
      </c>
      <c r="O105" s="92">
        <v>3.0520952491406649E-2</v>
      </c>
      <c r="P105" s="181">
        <v>907</v>
      </c>
      <c r="Q105" s="186">
        <v>0.62369965533624905</v>
      </c>
      <c r="R105" s="92">
        <v>3.2110708071102126E-2</v>
      </c>
      <c r="S105" s="186">
        <v>9.6302879197971869E-2</v>
      </c>
      <c r="T105" s="92">
        <v>1.9707703292650609E-2</v>
      </c>
      <c r="U105" s="186">
        <v>0.27999746546577881</v>
      </c>
      <c r="V105" s="92">
        <v>2.9783189396592628E-2</v>
      </c>
    </row>
    <row r="106" spans="1:22">
      <c r="A106" s="47" t="s">
        <v>582</v>
      </c>
      <c r="B106" s="183">
        <v>3087</v>
      </c>
      <c r="C106" s="187">
        <v>0.28166886811725744</v>
      </c>
      <c r="D106" s="95">
        <v>1.6186186626931949E-2</v>
      </c>
      <c r="E106" s="187">
        <v>0.15728527961374902</v>
      </c>
      <c r="F106" s="95">
        <v>1.3111788812436218E-2</v>
      </c>
      <c r="G106" s="187">
        <v>0.56104585226899273</v>
      </c>
      <c r="H106" s="95">
        <v>1.7852446832718947E-2</v>
      </c>
      <c r="I106" s="183">
        <v>3095</v>
      </c>
      <c r="J106" s="187">
        <v>0.60525874282671777</v>
      </c>
      <c r="K106" s="95">
        <v>1.7561919400104709E-2</v>
      </c>
      <c r="L106" s="187">
        <v>9.341498529755457E-2</v>
      </c>
      <c r="M106" s="95">
        <v>1.0481477574424787E-2</v>
      </c>
      <c r="N106" s="187">
        <v>0.30132627187572691</v>
      </c>
      <c r="O106" s="95">
        <v>1.6488453258963105E-2</v>
      </c>
      <c r="P106" s="183">
        <v>3070</v>
      </c>
      <c r="Q106" s="187">
        <v>0.61556573975599382</v>
      </c>
      <c r="R106" s="95">
        <v>1.7549235297438279E-2</v>
      </c>
      <c r="S106" s="187">
        <v>8.7763425608050075E-2</v>
      </c>
      <c r="T106" s="95">
        <v>1.0234910375690666E-2</v>
      </c>
      <c r="U106" s="187">
        <v>0.29667083463595695</v>
      </c>
      <c r="V106" s="95">
        <v>1.6481877189695609E-2</v>
      </c>
    </row>
    <row r="107" spans="1:22">
      <c r="A107" s="43" t="s">
        <v>568</v>
      </c>
      <c r="B107" s="181">
        <v>8237</v>
      </c>
      <c r="C107" s="186">
        <v>0.33505721210993467</v>
      </c>
      <c r="D107" s="92">
        <v>1.0399618243678835E-2</v>
      </c>
      <c r="E107" s="186">
        <v>0.17678701783178843</v>
      </c>
      <c r="F107" s="92">
        <v>8.407609913352496E-3</v>
      </c>
      <c r="G107" s="186">
        <v>0.48815577005826571</v>
      </c>
      <c r="H107" s="92">
        <v>1.1012559715175462E-2</v>
      </c>
      <c r="I107" s="181">
        <v>8244</v>
      </c>
      <c r="J107" s="186">
        <v>0.71654496853349525</v>
      </c>
      <c r="K107" s="92">
        <v>9.9258586975496804E-3</v>
      </c>
      <c r="L107" s="186">
        <v>9.3559007958523677E-2</v>
      </c>
      <c r="M107" s="92">
        <v>6.4191573566608744E-3</v>
      </c>
      <c r="N107" s="186">
        <v>0.18989602350797463</v>
      </c>
      <c r="O107" s="92">
        <v>8.6400364554372541E-3</v>
      </c>
      <c r="P107" s="181">
        <v>8216</v>
      </c>
      <c r="Q107" s="186">
        <v>0.67127038815657514</v>
      </c>
      <c r="R107" s="92">
        <v>1.036311528792914E-2</v>
      </c>
      <c r="S107" s="186">
        <v>0.101959467133691</v>
      </c>
      <c r="T107" s="92">
        <v>6.6806869322552954E-3</v>
      </c>
      <c r="U107" s="186">
        <v>0.22677014470972284</v>
      </c>
      <c r="V107" s="92">
        <v>9.2391340795669758E-3</v>
      </c>
    </row>
    <row r="108" spans="1:22">
      <c r="A108" s="47" t="s">
        <v>569</v>
      </c>
      <c r="B108" s="183">
        <v>5491</v>
      </c>
      <c r="C108" s="187">
        <v>0.40606088408990226</v>
      </c>
      <c r="D108" s="95">
        <v>1.3250255484698742E-2</v>
      </c>
      <c r="E108" s="187">
        <v>0.18632194809589453</v>
      </c>
      <c r="F108" s="95">
        <v>1.0510163243627533E-2</v>
      </c>
      <c r="G108" s="187">
        <v>0.40761716781422364</v>
      </c>
      <c r="H108" s="95">
        <v>1.3258206599938743E-2</v>
      </c>
      <c r="I108" s="183">
        <v>5495</v>
      </c>
      <c r="J108" s="187">
        <v>0.65552203047708002</v>
      </c>
      <c r="K108" s="95">
        <v>1.2817293534449013E-2</v>
      </c>
      <c r="L108" s="187">
        <v>0.12154375127021956</v>
      </c>
      <c r="M108" s="95">
        <v>8.82140444292287E-3</v>
      </c>
      <c r="N108" s="187">
        <v>0.2229342182527197</v>
      </c>
      <c r="O108" s="95">
        <v>1.122910874227339E-2</v>
      </c>
      <c r="P108" s="183">
        <v>5451</v>
      </c>
      <c r="Q108" s="187">
        <v>0.59327126031901956</v>
      </c>
      <c r="R108" s="95">
        <v>1.33021910372229E-2</v>
      </c>
      <c r="S108" s="187">
        <v>0.1203461483392349</v>
      </c>
      <c r="T108" s="95">
        <v>8.8193711802489957E-3</v>
      </c>
      <c r="U108" s="187">
        <v>0.28638259134176458</v>
      </c>
      <c r="V108" s="95">
        <v>1.2243616346646471E-2</v>
      </c>
    </row>
    <row r="109" spans="1:22">
      <c r="A109" s="55" t="s">
        <v>570</v>
      </c>
      <c r="B109" s="181">
        <v>1773</v>
      </c>
      <c r="C109" s="186">
        <v>0.41479450714427157</v>
      </c>
      <c r="D109" s="92">
        <v>2.3376860237880902E-2</v>
      </c>
      <c r="E109" s="186">
        <v>0.20256056470538561</v>
      </c>
      <c r="F109" s="92">
        <v>1.9091794622969879E-2</v>
      </c>
      <c r="G109" s="186">
        <v>0.38264492815034479</v>
      </c>
      <c r="H109" s="92">
        <v>2.3062622751457075E-2</v>
      </c>
      <c r="I109" s="181">
        <v>1774</v>
      </c>
      <c r="J109" s="186">
        <v>0.67182781597130803</v>
      </c>
      <c r="K109" s="92">
        <v>2.2277920246604896E-2</v>
      </c>
      <c r="L109" s="186">
        <v>0.13051975130323545</v>
      </c>
      <c r="M109" s="92">
        <v>1.6021491369752377E-2</v>
      </c>
      <c r="N109" s="186">
        <v>0.19765243272545532</v>
      </c>
      <c r="O109" s="92">
        <v>1.8912907830189229E-2</v>
      </c>
      <c r="P109" s="181">
        <v>1772</v>
      </c>
      <c r="Q109" s="186">
        <v>0.5702328964669845</v>
      </c>
      <c r="R109" s="92">
        <v>2.3494753795295795E-2</v>
      </c>
      <c r="S109" s="186">
        <v>0.13665935873238033</v>
      </c>
      <c r="T109" s="92">
        <v>1.6342172913483208E-2</v>
      </c>
      <c r="U109" s="186">
        <v>0.29310774480063451</v>
      </c>
      <c r="V109" s="92">
        <v>2.1612277033353305E-2</v>
      </c>
    </row>
    <row r="110" spans="1:22">
      <c r="A110" s="47" t="s">
        <v>571</v>
      </c>
      <c r="B110" s="183">
        <v>3752</v>
      </c>
      <c r="C110" s="187">
        <v>0.33096621006622295</v>
      </c>
      <c r="D110" s="95">
        <v>1.5358284183502692E-2</v>
      </c>
      <c r="E110" s="187">
        <v>0.18466991083261022</v>
      </c>
      <c r="F110" s="95">
        <v>1.2671763748455429E-2</v>
      </c>
      <c r="G110" s="187">
        <v>0.48436387910116757</v>
      </c>
      <c r="H110" s="95">
        <v>1.6308919797144328E-2</v>
      </c>
      <c r="I110" s="183">
        <v>3753</v>
      </c>
      <c r="J110" s="187">
        <v>0.68498243257886937</v>
      </c>
      <c r="K110" s="95">
        <v>1.5159670953817136E-2</v>
      </c>
      <c r="L110" s="187">
        <v>0.11872040780592329</v>
      </c>
      <c r="M110" s="95">
        <v>1.0569881600456717E-2</v>
      </c>
      <c r="N110" s="187">
        <v>0.19629715961521096</v>
      </c>
      <c r="O110" s="95">
        <v>1.2968333597366726E-2</v>
      </c>
      <c r="P110" s="183">
        <v>3748</v>
      </c>
      <c r="Q110" s="187">
        <v>0.58841661036385318</v>
      </c>
      <c r="R110" s="95">
        <v>1.6068853799655364E-2</v>
      </c>
      <c r="S110" s="187">
        <v>0.13071864530813859</v>
      </c>
      <c r="T110" s="95">
        <v>1.1020522189174856E-2</v>
      </c>
      <c r="U110" s="187">
        <v>0.28086474432800901</v>
      </c>
      <c r="V110" s="95">
        <v>1.4677851036263245E-2</v>
      </c>
    </row>
    <row r="111" spans="1:22">
      <c r="A111" s="55" t="s">
        <v>572</v>
      </c>
      <c r="B111" s="181">
        <v>4154</v>
      </c>
      <c r="C111" s="186">
        <v>0.36472471890013813</v>
      </c>
      <c r="D111" s="92">
        <v>1.4930842320592219E-2</v>
      </c>
      <c r="E111" s="186">
        <v>0.16746203612931068</v>
      </c>
      <c r="F111" s="92">
        <v>1.158987961692066E-2</v>
      </c>
      <c r="G111" s="186">
        <v>0.46781324497055971</v>
      </c>
      <c r="H111" s="92">
        <v>1.5475966412333057E-2</v>
      </c>
      <c r="I111" s="181">
        <v>4160</v>
      </c>
      <c r="J111" s="186">
        <v>0.73289128888434374</v>
      </c>
      <c r="K111" s="92">
        <v>1.3716835888101363E-2</v>
      </c>
      <c r="L111" s="186">
        <v>8.6196035664279733E-2</v>
      </c>
      <c r="M111" s="92">
        <v>8.7166463456761888E-3</v>
      </c>
      <c r="N111" s="186">
        <v>0.18091267545138057</v>
      </c>
      <c r="O111" s="92">
        <v>1.193879679968343E-2</v>
      </c>
      <c r="P111" s="181">
        <v>4146</v>
      </c>
      <c r="Q111" s="186">
        <v>0.6998121816606051</v>
      </c>
      <c r="R111" s="92">
        <v>1.4232222684857767E-2</v>
      </c>
      <c r="S111" s="186">
        <v>9.0166079826887485E-2</v>
      </c>
      <c r="T111" s="92">
        <v>8.9097097462755865E-3</v>
      </c>
      <c r="U111" s="186">
        <v>0.21002173851251457</v>
      </c>
      <c r="V111" s="92">
        <v>1.2651953548805172E-2</v>
      </c>
    </row>
    <row r="112" spans="1:22">
      <c r="A112" s="47" t="s">
        <v>573</v>
      </c>
      <c r="B112" s="183">
        <v>3982</v>
      </c>
      <c r="C112" s="187">
        <v>0.40044461731030423</v>
      </c>
      <c r="D112" s="95">
        <v>1.5522626702870914E-2</v>
      </c>
      <c r="E112" s="187">
        <v>0.16806014475669381</v>
      </c>
      <c r="F112" s="95">
        <v>1.1854484996191419E-2</v>
      </c>
      <c r="G112" s="187">
        <v>0.43149523793299627</v>
      </c>
      <c r="H112" s="95">
        <v>1.5690064853007661E-2</v>
      </c>
      <c r="I112" s="183">
        <v>3987</v>
      </c>
      <c r="J112" s="187">
        <v>0.65267385306016934</v>
      </c>
      <c r="K112" s="95">
        <v>1.507477046264943E-2</v>
      </c>
      <c r="L112" s="187">
        <v>8.5878113988274829E-2</v>
      </c>
      <c r="M112" s="95">
        <v>8.8895704984829054E-3</v>
      </c>
      <c r="N112" s="187">
        <v>0.26144803295154767</v>
      </c>
      <c r="O112" s="95">
        <v>1.3915554915230825E-2</v>
      </c>
      <c r="P112" s="183">
        <v>3935</v>
      </c>
      <c r="Q112" s="187">
        <v>0.69902219780652752</v>
      </c>
      <c r="R112" s="95">
        <v>1.4619505880301592E-2</v>
      </c>
      <c r="S112" s="187">
        <v>7.2588598175809468E-2</v>
      </c>
      <c r="T112" s="95">
        <v>8.2908737612210747E-3</v>
      </c>
      <c r="U112" s="187">
        <v>0.22838920401765436</v>
      </c>
      <c r="V112" s="95">
        <v>1.3383151251828949E-2</v>
      </c>
    </row>
    <row r="113" spans="1:28">
      <c r="A113" s="55" t="s">
        <v>579</v>
      </c>
      <c r="B113" s="181">
        <v>9614</v>
      </c>
      <c r="C113" s="186">
        <v>0.36389137435967805</v>
      </c>
      <c r="D113" s="92">
        <v>9.8119106349262315E-3</v>
      </c>
      <c r="E113" s="186">
        <v>0.18290586239421203</v>
      </c>
      <c r="F113" s="92">
        <v>7.8860391148496238E-3</v>
      </c>
      <c r="G113" s="186">
        <v>0.45320276324613368</v>
      </c>
      <c r="H113" s="92">
        <v>1.0151930485664097E-2</v>
      </c>
      <c r="I113" s="181">
        <v>9629</v>
      </c>
      <c r="J113" s="186">
        <v>0.68753041896712253</v>
      </c>
      <c r="K113" s="92">
        <v>9.4455784525507396E-3</v>
      </c>
      <c r="L113" s="186">
        <v>0.10713209926720225</v>
      </c>
      <c r="M113" s="92">
        <v>6.3065719794563792E-3</v>
      </c>
      <c r="N113" s="186">
        <v>0.20533748176569996</v>
      </c>
      <c r="O113" s="92">
        <v>8.2332369201355473E-3</v>
      </c>
      <c r="P113" s="181">
        <v>9598</v>
      </c>
      <c r="Q113" s="186">
        <v>0.64536189621867013</v>
      </c>
      <c r="R113" s="92">
        <v>9.7647291570679383E-3</v>
      </c>
      <c r="S113" s="186">
        <v>0.1030889528545077</v>
      </c>
      <c r="T113" s="92">
        <v>6.2106615923149039E-3</v>
      </c>
      <c r="U113" s="186">
        <v>0.25154915092684438</v>
      </c>
      <c r="V113" s="92">
        <v>8.8573032039455865E-3</v>
      </c>
    </row>
    <row r="114" spans="1:28">
      <c r="A114" s="47" t="s">
        <v>585</v>
      </c>
      <c r="B114" s="183">
        <v>1549</v>
      </c>
      <c r="C114" s="187">
        <v>0.37259922710495447</v>
      </c>
      <c r="D114" s="95">
        <v>2.4542303320328817E-2</v>
      </c>
      <c r="E114" s="187">
        <v>0.16481228995078812</v>
      </c>
      <c r="F114" s="95">
        <v>1.8868659039450387E-2</v>
      </c>
      <c r="G114" s="187">
        <v>0.46258848294425986</v>
      </c>
      <c r="H114" s="95">
        <v>2.5304714978485583E-2</v>
      </c>
      <c r="I114" s="183">
        <v>1549</v>
      </c>
      <c r="J114" s="187">
        <v>0.71459297046714876</v>
      </c>
      <c r="K114" s="95">
        <v>2.2932851982898694E-2</v>
      </c>
      <c r="L114" s="187">
        <v>9.524766323275248E-2</v>
      </c>
      <c r="M114" s="95">
        <v>1.4970963203248439E-2</v>
      </c>
      <c r="N114" s="187">
        <v>0.19015936630010025</v>
      </c>
      <c r="O114" s="95">
        <v>1.9947947578012271E-2</v>
      </c>
      <c r="P114" s="183">
        <v>1533</v>
      </c>
      <c r="Q114" s="187">
        <v>0.66888767755194167</v>
      </c>
      <c r="R114" s="95">
        <v>2.4016109323200915E-2</v>
      </c>
      <c r="S114" s="187">
        <v>9.6369871835496973E-2</v>
      </c>
      <c r="T114" s="95">
        <v>1.5127271099585145E-2</v>
      </c>
      <c r="U114" s="187">
        <v>0.23474245061256421</v>
      </c>
      <c r="V114" s="95">
        <v>2.1643842347091994E-2</v>
      </c>
    </row>
    <row r="115" spans="1:28">
      <c r="A115" s="55" t="s">
        <v>586</v>
      </c>
      <c r="B115" s="181">
        <v>911</v>
      </c>
      <c r="C115" s="186">
        <v>0.39433846818868573</v>
      </c>
      <c r="D115" s="92">
        <v>3.2318973041400037E-2</v>
      </c>
      <c r="E115" s="186">
        <v>0.17832803956376367</v>
      </c>
      <c r="F115" s="92">
        <v>2.5387045711851901E-2</v>
      </c>
      <c r="G115" s="186">
        <v>0.42733349224755052</v>
      </c>
      <c r="H115" s="92">
        <v>3.2711064644745706E-2</v>
      </c>
      <c r="I115" s="181">
        <v>906</v>
      </c>
      <c r="J115" s="186">
        <v>0.64253564873195246</v>
      </c>
      <c r="K115" s="92">
        <v>3.1786499457287745E-2</v>
      </c>
      <c r="L115" s="186">
        <v>0.12688616400348546</v>
      </c>
      <c r="M115" s="92">
        <v>2.218872442632195E-2</v>
      </c>
      <c r="N115" s="186">
        <v>0.23057818726456214</v>
      </c>
      <c r="O115" s="92">
        <v>2.7975548317330998E-2</v>
      </c>
      <c r="P115" s="181">
        <v>902</v>
      </c>
      <c r="Q115" s="186">
        <v>0.5405483581120889</v>
      </c>
      <c r="R115" s="92">
        <v>3.311431245604278E-2</v>
      </c>
      <c r="S115" s="186">
        <v>0.15941264900693178</v>
      </c>
      <c r="T115" s="92">
        <v>2.4415667854983416E-2</v>
      </c>
      <c r="U115" s="186">
        <v>0.30003899288097952</v>
      </c>
      <c r="V115" s="92">
        <v>3.0475834846056517E-2</v>
      </c>
    </row>
    <row r="116" spans="1:28">
      <c r="A116" s="47" t="s">
        <v>584</v>
      </c>
      <c r="B116" s="183">
        <v>303</v>
      </c>
      <c r="C116" s="187">
        <v>0.38429563921952886</v>
      </c>
      <c r="D116" s="95">
        <v>5.5564510514607798E-2</v>
      </c>
      <c r="E116" s="187">
        <v>0.1454020635590699</v>
      </c>
      <c r="F116" s="95">
        <v>4.0760772159331798E-2</v>
      </c>
      <c r="G116" s="187">
        <v>0.47030229722140104</v>
      </c>
      <c r="H116" s="95">
        <v>5.6974864934110796E-2</v>
      </c>
      <c r="I116" s="183">
        <v>306</v>
      </c>
      <c r="J116" s="187">
        <v>0.59597378479857277</v>
      </c>
      <c r="K116" s="95">
        <v>5.5767397279885639E-2</v>
      </c>
      <c r="L116" s="187">
        <v>9.6951968515368275E-2</v>
      </c>
      <c r="M116" s="95">
        <v>3.4401319739290628E-2</v>
      </c>
      <c r="N116" s="187">
        <v>0.30707424668605854</v>
      </c>
      <c r="O116" s="95">
        <v>5.2515310435785292E-2</v>
      </c>
      <c r="P116" s="183">
        <v>303</v>
      </c>
      <c r="Q116" s="187">
        <v>0.5399527847835448</v>
      </c>
      <c r="R116" s="95">
        <v>5.6895251995650209E-2</v>
      </c>
      <c r="S116" s="187">
        <v>0.11470795286416431</v>
      </c>
      <c r="T116" s="95">
        <v>3.7056737904211413E-2</v>
      </c>
      <c r="U116" s="187">
        <v>0.34533926235229068</v>
      </c>
      <c r="V116" s="95">
        <v>5.4348293653319724E-2</v>
      </c>
    </row>
    <row r="117" spans="1:28">
      <c r="A117" s="55" t="s">
        <v>587</v>
      </c>
      <c r="B117" s="181">
        <v>13029</v>
      </c>
      <c r="C117" s="186">
        <v>0.36860031792560849</v>
      </c>
      <c r="D117" s="92">
        <v>8.451770913480908E-3</v>
      </c>
      <c r="E117" s="186">
        <v>0.18095567452713923</v>
      </c>
      <c r="F117" s="92">
        <v>6.7458877953713737E-3</v>
      </c>
      <c r="G117" s="186">
        <v>0.45044400754727248</v>
      </c>
      <c r="H117" s="92">
        <v>8.7163668620580132E-3</v>
      </c>
      <c r="I117" s="181">
        <v>13038</v>
      </c>
      <c r="J117" s="186">
        <v>0.68614787335892757</v>
      </c>
      <c r="K117" s="92">
        <v>8.127382970014984E-3</v>
      </c>
      <c r="L117" s="186">
        <v>0.10847324867719017</v>
      </c>
      <c r="M117" s="92">
        <v>5.4487566710500097E-3</v>
      </c>
      <c r="N117" s="186">
        <v>0.20537887796389934</v>
      </c>
      <c r="O117" s="92">
        <v>7.075981058464729E-3</v>
      </c>
      <c r="P117" s="181">
        <v>12968</v>
      </c>
      <c r="Q117" s="186">
        <v>0.63769240918224346</v>
      </c>
      <c r="R117" s="92">
        <v>8.440765855368822E-3</v>
      </c>
      <c r="S117" s="186">
        <v>0.1091445417970226</v>
      </c>
      <c r="T117" s="92">
        <v>5.478244761560714E-3</v>
      </c>
      <c r="U117" s="186">
        <v>0.25316304902075176</v>
      </c>
      <c r="V117" s="92">
        <v>7.6362955232381477E-3</v>
      </c>
    </row>
    <row r="119" spans="1:28" ht="18.75">
      <c r="A119" s="292" t="s">
        <v>461</v>
      </c>
      <c r="B119" s="292"/>
      <c r="C119" s="292"/>
      <c r="D119" s="292"/>
      <c r="E119" s="292"/>
      <c r="F119" s="292"/>
      <c r="G119" s="292"/>
      <c r="H119" s="292"/>
      <c r="I119" s="292"/>
      <c r="J119" s="292"/>
      <c r="K119" s="292"/>
      <c r="L119" s="292"/>
      <c r="M119" s="293"/>
      <c r="N119" s="230"/>
      <c r="O119" s="230"/>
      <c r="P119" s="230"/>
      <c r="Q119" s="230"/>
      <c r="R119" s="230"/>
      <c r="S119" s="230"/>
      <c r="T119" s="230"/>
      <c r="U119" s="230"/>
      <c r="V119" s="230"/>
      <c r="W119" s="230"/>
      <c r="X119" s="230"/>
      <c r="Y119" s="230"/>
      <c r="Z119" s="230"/>
      <c r="AA119" s="230"/>
      <c r="AB119" s="248"/>
    </row>
    <row r="120" spans="1:28" ht="49.5" customHeight="1">
      <c r="A120" s="398" t="s">
        <v>561</v>
      </c>
      <c r="B120" s="398"/>
      <c r="C120" s="398"/>
      <c r="D120" s="398"/>
      <c r="E120" s="398"/>
      <c r="F120" s="398"/>
      <c r="G120" s="398"/>
      <c r="H120" s="398"/>
      <c r="I120" s="398"/>
      <c r="J120" s="398"/>
      <c r="K120" s="398"/>
      <c r="L120" s="398"/>
      <c r="M120" s="293"/>
      <c r="N120" s="245"/>
      <c r="O120" s="245"/>
      <c r="P120" s="245"/>
      <c r="Q120" s="245"/>
      <c r="R120" s="245"/>
      <c r="S120" s="245"/>
      <c r="T120" s="245"/>
      <c r="U120" s="245"/>
      <c r="V120" s="245"/>
      <c r="W120" s="245"/>
      <c r="X120" s="245"/>
      <c r="Y120" s="245"/>
      <c r="Z120" s="245"/>
      <c r="AA120" s="245"/>
      <c r="AB120" s="248"/>
    </row>
    <row r="121" spans="1:28" ht="38.25" customHeight="1">
      <c r="A121" s="402" t="s">
        <v>234</v>
      </c>
      <c r="B121" s="403"/>
      <c r="C121" s="403"/>
      <c r="D121" s="403"/>
      <c r="E121" s="403"/>
      <c r="F121" s="403"/>
      <c r="G121" s="403"/>
      <c r="H121" s="403"/>
      <c r="I121" s="403"/>
      <c r="J121" s="403"/>
      <c r="K121" s="403"/>
      <c r="L121" s="403"/>
      <c r="M121" s="243"/>
      <c r="N121" s="248"/>
      <c r="O121" s="248"/>
      <c r="P121" s="248"/>
      <c r="Q121" s="248"/>
      <c r="R121" s="248"/>
      <c r="S121" s="248"/>
      <c r="T121" s="248"/>
      <c r="U121" s="248"/>
      <c r="V121" s="248"/>
      <c r="W121" s="248"/>
      <c r="X121" s="248"/>
      <c r="Y121" s="248"/>
      <c r="Z121" s="248"/>
      <c r="AA121" s="248"/>
      <c r="AB121" s="248"/>
    </row>
    <row r="122" spans="1:28" ht="72">
      <c r="A122" s="35" t="s">
        <v>70</v>
      </c>
      <c r="B122" s="36" t="s">
        <v>71</v>
      </c>
      <c r="C122" s="37" t="s">
        <v>551</v>
      </c>
      <c r="D122" s="38" t="s">
        <v>72</v>
      </c>
      <c r="E122" s="36" t="s">
        <v>467</v>
      </c>
      <c r="F122" s="87" t="s">
        <v>466</v>
      </c>
      <c r="G122" s="36" t="s">
        <v>462</v>
      </c>
      <c r="H122" s="87" t="s">
        <v>465</v>
      </c>
      <c r="I122" s="36" t="s">
        <v>463</v>
      </c>
      <c r="J122" s="87" t="s">
        <v>464</v>
      </c>
      <c r="K122" s="36" t="s">
        <v>300</v>
      </c>
      <c r="L122" s="87" t="s">
        <v>299</v>
      </c>
      <c r="M122" s="243"/>
      <c r="N122" s="247"/>
      <c r="O122" s="243"/>
      <c r="P122" s="247"/>
      <c r="Q122" s="243"/>
    </row>
    <row r="123" spans="1:28" ht="72">
      <c r="A123" s="39"/>
      <c r="B123" s="40" t="s">
        <v>73</v>
      </c>
      <c r="C123" s="126" t="s">
        <v>303</v>
      </c>
      <c r="D123" s="42" t="s">
        <v>75</v>
      </c>
      <c r="E123" s="40" t="s">
        <v>158</v>
      </c>
      <c r="F123" s="89" t="s">
        <v>87</v>
      </c>
      <c r="G123" s="40" t="s">
        <v>159</v>
      </c>
      <c r="H123" s="89" t="s">
        <v>87</v>
      </c>
      <c r="I123" s="40" t="s">
        <v>160</v>
      </c>
      <c r="J123" s="89" t="s">
        <v>87</v>
      </c>
      <c r="K123" s="40" t="s">
        <v>300</v>
      </c>
      <c r="L123" s="89" t="s">
        <v>87</v>
      </c>
    </row>
    <row r="124" spans="1:28">
      <c r="A124" s="43" t="s">
        <v>348</v>
      </c>
      <c r="B124" s="181">
        <v>13842</v>
      </c>
      <c r="C124" s="182">
        <v>5.1036555153933705</v>
      </c>
      <c r="D124" s="83">
        <v>2.5613062985244635E-2</v>
      </c>
      <c r="E124" s="186">
        <v>0.14001098066140449</v>
      </c>
      <c r="F124" s="92">
        <v>5.8997051367260427E-3</v>
      </c>
      <c r="G124" s="186">
        <v>0.15466386656429337</v>
      </c>
      <c r="H124" s="92">
        <v>6.1473986241741526E-3</v>
      </c>
      <c r="I124" s="186">
        <v>0.66939583980021322</v>
      </c>
      <c r="J124" s="92">
        <v>7.9961283884657681E-3</v>
      </c>
      <c r="K124" s="91">
        <v>3.5929312974102921E-2</v>
      </c>
      <c r="L124" s="92">
        <v>3.1690222023489788E-3</v>
      </c>
    </row>
    <row r="125" spans="1:28">
      <c r="A125" s="47" t="s">
        <v>349</v>
      </c>
      <c r="B125" s="183">
        <v>10160</v>
      </c>
      <c r="C125" s="184">
        <v>5.218333162847518</v>
      </c>
      <c r="D125" s="185">
        <v>2.9704039142234386E-2</v>
      </c>
      <c r="E125" s="187">
        <v>0.13618665266714181</v>
      </c>
      <c r="F125" s="95">
        <v>6.8071774798117296E-3</v>
      </c>
      <c r="G125" s="187">
        <v>0.13327815911204455</v>
      </c>
      <c r="H125" s="95">
        <v>6.7455269637586761E-3</v>
      </c>
      <c r="I125" s="187">
        <v>0.70609292582147842</v>
      </c>
      <c r="J125" s="95">
        <v>9.037921998252799E-3</v>
      </c>
      <c r="K125" s="94">
        <v>2.4442262399327314E-2</v>
      </c>
      <c r="L125" s="95">
        <v>3.0747481783533668E-3</v>
      </c>
    </row>
    <row r="126" spans="1:28">
      <c r="A126" s="43" t="s">
        <v>350</v>
      </c>
      <c r="B126" s="181">
        <v>3682</v>
      </c>
      <c r="C126" s="182">
        <v>5.0081588290137242</v>
      </c>
      <c r="D126" s="83">
        <v>5.0009313275332423E-2</v>
      </c>
      <c r="E126" s="186">
        <v>0.14312759363084968</v>
      </c>
      <c r="F126" s="92">
        <v>1.1549433724983587E-2</v>
      </c>
      <c r="G126" s="186">
        <v>0.17209201951208292</v>
      </c>
      <c r="H126" s="92">
        <v>1.2444542034473358E-2</v>
      </c>
      <c r="I126" s="186">
        <v>0.63948977149054964</v>
      </c>
      <c r="J126" s="92">
        <v>1.581858665445654E-2</v>
      </c>
      <c r="K126" s="91">
        <v>4.5290615366517697E-2</v>
      </c>
      <c r="L126" s="92">
        <v>6.8854577150971779E-3</v>
      </c>
    </row>
    <row r="127" spans="1:28">
      <c r="A127" s="47" t="s">
        <v>574</v>
      </c>
      <c r="B127" s="183">
        <v>4962</v>
      </c>
      <c r="C127" s="184">
        <v>5.0340353157514848</v>
      </c>
      <c r="D127" s="185">
        <v>4.3109396961534444E-2</v>
      </c>
      <c r="E127" s="187">
        <v>0.14474903450755966</v>
      </c>
      <c r="F127" s="95">
        <v>9.9939561811315768E-3</v>
      </c>
      <c r="G127" s="187">
        <v>0.16665143292574122</v>
      </c>
      <c r="H127" s="95">
        <v>1.05833733094615E-2</v>
      </c>
      <c r="I127" s="187">
        <v>0.6433706971699229</v>
      </c>
      <c r="J127" s="95">
        <v>1.3595560363669802E-2</v>
      </c>
      <c r="K127" s="94">
        <v>4.5228835396776607E-2</v>
      </c>
      <c r="L127" s="95">
        <v>5.9204163664973329E-3</v>
      </c>
    </row>
    <row r="128" spans="1:28">
      <c r="A128" s="43" t="s">
        <v>575</v>
      </c>
      <c r="B128" s="181">
        <v>5120</v>
      </c>
      <c r="C128" s="182">
        <v>5.3319613195837414</v>
      </c>
      <c r="D128" s="83">
        <v>4.0439496074888601E-2</v>
      </c>
      <c r="E128" s="186">
        <v>0.11567093959084467</v>
      </c>
      <c r="F128" s="92">
        <v>8.9460913966107666E-3</v>
      </c>
      <c r="G128" s="186">
        <v>0.12308460631109056</v>
      </c>
      <c r="H128" s="92">
        <v>9.1886509369530477E-3</v>
      </c>
      <c r="I128" s="186">
        <v>0.74355536177624837</v>
      </c>
      <c r="J128" s="92">
        <v>1.2203497135052104E-2</v>
      </c>
      <c r="K128" s="91">
        <v>1.7689092321817087E-2</v>
      </c>
      <c r="L128" s="92">
        <v>3.7212848058614471E-3</v>
      </c>
    </row>
    <row r="129" spans="1:12">
      <c r="A129" s="47" t="s">
        <v>576</v>
      </c>
      <c r="B129" s="183">
        <v>3117</v>
      </c>
      <c r="C129" s="184">
        <v>5.1493841407054148</v>
      </c>
      <c r="D129" s="185">
        <v>5.4482013986583748E-2</v>
      </c>
      <c r="E129" s="187">
        <v>0.1508361275618052</v>
      </c>
      <c r="F129" s="95">
        <v>1.282804188518665E-2</v>
      </c>
      <c r="G129" s="187">
        <v>0.12820782705182335</v>
      </c>
      <c r="H129" s="95">
        <v>1.1987640432227626E-2</v>
      </c>
      <c r="I129" s="187">
        <v>0.70758582509417522</v>
      </c>
      <c r="J129" s="95">
        <v>1.6288747893594184E-2</v>
      </c>
      <c r="K129" s="94">
        <v>1.3370220292190609E-2</v>
      </c>
      <c r="L129" s="95">
        <v>4.205255307008251E-3</v>
      </c>
    </row>
    <row r="130" spans="1:12">
      <c r="A130" s="43" t="s">
        <v>577</v>
      </c>
      <c r="B130" s="181">
        <v>414</v>
      </c>
      <c r="C130" s="182">
        <v>4.9560306680420325</v>
      </c>
      <c r="D130" s="83">
        <v>0.16080875704437031</v>
      </c>
      <c r="E130" s="186">
        <v>0.16998539047252101</v>
      </c>
      <c r="F130" s="92">
        <v>3.7013482528411162E-2</v>
      </c>
      <c r="G130" s="186">
        <v>0.16891355038825789</v>
      </c>
      <c r="H130" s="92">
        <v>3.6923518717642427E-2</v>
      </c>
      <c r="I130" s="186">
        <v>0.64773627399621792</v>
      </c>
      <c r="J130" s="92">
        <v>4.6770304782601947E-2</v>
      </c>
      <c r="K130" s="91">
        <v>1.3364785143002524E-2</v>
      </c>
      <c r="L130" s="92">
        <v>1.3013354958082217E-2</v>
      </c>
    </row>
    <row r="131" spans="1:12">
      <c r="A131" s="47" t="s">
        <v>578</v>
      </c>
      <c r="B131" s="183">
        <v>144</v>
      </c>
      <c r="C131" s="184">
        <v>4.6184468013864057</v>
      </c>
      <c r="D131" s="185">
        <v>0.3005760812545672</v>
      </c>
      <c r="E131" s="187">
        <v>0.25169871117840553</v>
      </c>
      <c r="F131" s="95">
        <v>7.1967345779305386E-2</v>
      </c>
      <c r="G131" s="187">
        <v>0.13951941107764296</v>
      </c>
      <c r="H131" s="95">
        <v>5.8583031012224486E-2</v>
      </c>
      <c r="I131" s="187">
        <v>0.60842764426812224</v>
      </c>
      <c r="J131" s="95">
        <v>8.0348959809513149E-2</v>
      </c>
      <c r="K131" s="94">
        <v>3.5423347582879674E-4</v>
      </c>
      <c r="L131" s="95">
        <v>1.9218603142440904E-2</v>
      </c>
    </row>
    <row r="132" spans="1:12">
      <c r="A132" s="43" t="s">
        <v>581</v>
      </c>
      <c r="B132" s="181">
        <v>9796</v>
      </c>
      <c r="C132" s="182">
        <v>5.0841422030468548</v>
      </c>
      <c r="D132" s="83">
        <v>3.0430271849499865E-2</v>
      </c>
      <c r="E132" s="186">
        <v>0.14127458873872314</v>
      </c>
      <c r="F132" s="92">
        <v>7.03986044549639E-3</v>
      </c>
      <c r="G132" s="186">
        <v>0.15676646757827328</v>
      </c>
      <c r="H132" s="92">
        <v>7.3481052234164821E-3</v>
      </c>
      <c r="I132" s="186">
        <v>0.66341484913072846</v>
      </c>
      <c r="J132" s="92">
        <v>9.547248394180528E-3</v>
      </c>
      <c r="K132" s="91">
        <v>3.8544094552294773E-2</v>
      </c>
      <c r="L132" s="92">
        <v>3.8983116016059233E-3</v>
      </c>
    </row>
    <row r="133" spans="1:12">
      <c r="A133" s="47" t="s">
        <v>580</v>
      </c>
      <c r="B133" s="183">
        <v>4004</v>
      </c>
      <c r="C133" s="184">
        <v>5.2565425289817274</v>
      </c>
      <c r="D133" s="185">
        <v>4.7550471093292253E-2</v>
      </c>
      <c r="E133" s="187">
        <v>0.12984164157769057</v>
      </c>
      <c r="F133" s="95">
        <v>1.0631560586482122E-2</v>
      </c>
      <c r="G133" s="187">
        <v>0.13578904663984473</v>
      </c>
      <c r="H133" s="95">
        <v>1.0834217023511837E-2</v>
      </c>
      <c r="I133" s="187">
        <v>0.71870860312390961</v>
      </c>
      <c r="J133" s="95">
        <v>1.4207683087460858E-2</v>
      </c>
      <c r="K133" s="94">
        <v>1.5660708658555733E-2</v>
      </c>
      <c r="L133" s="95">
        <v>3.9814251662123514E-3</v>
      </c>
    </row>
    <row r="134" spans="1:12">
      <c r="A134" s="43" t="s">
        <v>583</v>
      </c>
      <c r="B134" s="181">
        <v>919</v>
      </c>
      <c r="C134" s="182">
        <v>5.2202336440700172</v>
      </c>
      <c r="D134" s="83">
        <v>0.10162411808091318</v>
      </c>
      <c r="E134" s="186">
        <v>0.14063116974790879</v>
      </c>
      <c r="F134" s="92">
        <v>2.2990975345505406E-2</v>
      </c>
      <c r="G134" s="186">
        <v>0.12618892100133342</v>
      </c>
      <c r="H134" s="92">
        <v>2.1979384417973962E-2</v>
      </c>
      <c r="I134" s="186">
        <v>0.72600552537297303</v>
      </c>
      <c r="J134" s="92">
        <v>2.9393527519570417E-2</v>
      </c>
      <c r="K134" s="91">
        <v>7.1743838777843108E-3</v>
      </c>
      <c r="L134" s="92">
        <v>6.322314547056891E-3</v>
      </c>
    </row>
    <row r="135" spans="1:12">
      <c r="A135" s="47" t="s">
        <v>582</v>
      </c>
      <c r="B135" s="183">
        <v>3085</v>
      </c>
      <c r="C135" s="184">
        <v>5.2697268052784167</v>
      </c>
      <c r="D135" s="185">
        <v>5.3772399075752222E-2</v>
      </c>
      <c r="E135" s="187">
        <v>0.12596931639702158</v>
      </c>
      <c r="F135" s="95">
        <v>1.1959959546112904E-2</v>
      </c>
      <c r="G135" s="187">
        <v>0.13923449927327927</v>
      </c>
      <c r="H135" s="95">
        <v>1.2475167008169284E-2</v>
      </c>
      <c r="I135" s="187">
        <v>0.71608976239976707</v>
      </c>
      <c r="J135" s="95">
        <v>1.6230217655074829E-2</v>
      </c>
      <c r="K135" s="94">
        <v>1.8706421929931483E-2</v>
      </c>
      <c r="L135" s="95">
        <v>4.9544407655288244E-3</v>
      </c>
    </row>
    <row r="136" spans="1:12">
      <c r="A136" s="43" t="s">
        <v>568</v>
      </c>
      <c r="B136" s="181">
        <v>8223</v>
      </c>
      <c r="C136" s="182">
        <v>5.1649699340779982</v>
      </c>
      <c r="D136" s="83">
        <v>3.371121229535768E-2</v>
      </c>
      <c r="E136" s="186">
        <v>0.14066412151433696</v>
      </c>
      <c r="F136" s="92">
        <v>7.6702191802863846E-3</v>
      </c>
      <c r="G136" s="186">
        <v>0.14609676669916022</v>
      </c>
      <c r="H136" s="92">
        <v>7.7919421033134217E-3</v>
      </c>
      <c r="I136" s="186">
        <v>0.67847601594432261</v>
      </c>
      <c r="J136" s="92">
        <v>1.0299449382461081E-2</v>
      </c>
      <c r="K136" s="91">
        <v>3.4763095842172353E-2</v>
      </c>
      <c r="L136" s="92">
        <v>4.0517525462525922E-3</v>
      </c>
    </row>
    <row r="137" spans="1:12">
      <c r="A137" s="47" t="s">
        <v>569</v>
      </c>
      <c r="B137" s="183">
        <v>5483</v>
      </c>
      <c r="C137" s="184">
        <v>5.0450481980667865</v>
      </c>
      <c r="D137" s="185">
        <v>3.9708481576371114E-2</v>
      </c>
      <c r="E137" s="187">
        <v>0.13846842195048578</v>
      </c>
      <c r="F137" s="95">
        <v>9.3329720383145999E-3</v>
      </c>
      <c r="G137" s="187">
        <v>0.16333629970502789</v>
      </c>
      <c r="H137" s="95">
        <v>9.9871521259480411E-3</v>
      </c>
      <c r="I137" s="187">
        <v>0.66096612062941928</v>
      </c>
      <c r="J137" s="95">
        <v>1.2782336743773945E-2</v>
      </c>
      <c r="K137" s="94">
        <v>3.7229157715085212E-2</v>
      </c>
      <c r="L137" s="95">
        <v>5.1339110027425975E-3</v>
      </c>
    </row>
    <row r="138" spans="1:12">
      <c r="A138" s="55" t="s">
        <v>570</v>
      </c>
      <c r="B138" s="181">
        <v>1764</v>
      </c>
      <c r="C138" s="182">
        <v>4.815714830906245</v>
      </c>
      <c r="D138" s="83">
        <v>7.798268448464217E-2</v>
      </c>
      <c r="E138" s="186">
        <v>0.191069085423313</v>
      </c>
      <c r="F138" s="92">
        <v>1.87259981555849E-2</v>
      </c>
      <c r="G138" s="186">
        <v>0.18452620789807206</v>
      </c>
      <c r="H138" s="92">
        <v>1.8478684712980295E-2</v>
      </c>
      <c r="I138" s="186">
        <v>0.58192152709046485</v>
      </c>
      <c r="J138" s="92">
        <v>2.3462649444635764E-2</v>
      </c>
      <c r="K138" s="91">
        <v>4.2483179588148678E-2</v>
      </c>
      <c r="L138" s="92">
        <v>9.7042748827946401E-3</v>
      </c>
    </row>
    <row r="139" spans="1:12">
      <c r="A139" s="47" t="s">
        <v>571</v>
      </c>
      <c r="B139" s="183">
        <v>3748</v>
      </c>
      <c r="C139" s="184">
        <v>5.0252613376496882</v>
      </c>
      <c r="D139" s="185">
        <v>4.9849436396155723E-2</v>
      </c>
      <c r="E139" s="187">
        <v>0.14981437662507241</v>
      </c>
      <c r="F139" s="95">
        <v>1.1664799569448794E-2</v>
      </c>
      <c r="G139" s="187">
        <v>0.16174906753029522</v>
      </c>
      <c r="H139" s="95">
        <v>1.2033629542247903E-2</v>
      </c>
      <c r="I139" s="187">
        <v>0.66590601505315394</v>
      </c>
      <c r="J139" s="95">
        <v>1.5402691702944359E-2</v>
      </c>
      <c r="K139" s="94">
        <v>2.2530540791479953E-2</v>
      </c>
      <c r="L139" s="95">
        <v>4.8986256587148233E-3</v>
      </c>
    </row>
    <row r="140" spans="1:12">
      <c r="A140" s="55" t="s">
        <v>572</v>
      </c>
      <c r="B140" s="181">
        <v>4154</v>
      </c>
      <c r="C140" s="182">
        <v>5.1592132190891418</v>
      </c>
      <c r="D140" s="83">
        <v>4.6073334536964265E-2</v>
      </c>
      <c r="E140" s="186">
        <v>0.13062160102422582</v>
      </c>
      <c r="F140" s="92">
        <v>1.0464074627672737E-2</v>
      </c>
      <c r="G140" s="186">
        <v>0.15949841740927007</v>
      </c>
      <c r="H140" s="92">
        <v>1.1365696779931982E-2</v>
      </c>
      <c r="I140" s="186">
        <v>0.66870607518490599</v>
      </c>
      <c r="J140" s="92">
        <v>1.4600434023939067E-2</v>
      </c>
      <c r="K140" s="91">
        <v>4.1173906381604022E-2</v>
      </c>
      <c r="L140" s="92">
        <v>6.1941852775392508E-3</v>
      </c>
    </row>
    <row r="141" spans="1:12">
      <c r="A141" s="47" t="s">
        <v>573</v>
      </c>
      <c r="B141" s="183">
        <v>3975</v>
      </c>
      <c r="C141" s="184">
        <v>5.4745237645517451</v>
      </c>
      <c r="D141" s="185">
        <v>4.4034729098778598E-2</v>
      </c>
      <c r="E141" s="187">
        <v>8.3302821948190969E-2</v>
      </c>
      <c r="F141" s="95">
        <v>8.7816432297881039E-3</v>
      </c>
      <c r="G141" s="187">
        <v>0.10309835196993369</v>
      </c>
      <c r="H141" s="95">
        <v>9.6579160683504233E-3</v>
      </c>
      <c r="I141" s="187">
        <v>0.76512957543333726</v>
      </c>
      <c r="J141" s="95">
        <v>1.3446068179599091E-2</v>
      </c>
      <c r="K141" s="94">
        <v>4.846925064853428E-2</v>
      </c>
      <c r="L141" s="95">
        <v>6.8392440030514224E-3</v>
      </c>
    </row>
    <row r="142" spans="1:12">
      <c r="A142" s="55" t="s">
        <v>579</v>
      </c>
      <c r="B142" s="181">
        <v>9623</v>
      </c>
      <c r="C142" s="182">
        <v>5.1087750585401794</v>
      </c>
      <c r="D142" s="83">
        <v>3.0852747827825065E-2</v>
      </c>
      <c r="E142" s="186">
        <v>0.14126751641847904</v>
      </c>
      <c r="F142" s="92">
        <v>7.1027398733185887E-3</v>
      </c>
      <c r="G142" s="186">
        <v>0.1496024330709638</v>
      </c>
      <c r="H142" s="92">
        <v>7.2734236308085159E-3</v>
      </c>
      <c r="I142" s="186">
        <v>0.67278288534019937</v>
      </c>
      <c r="J142" s="92">
        <v>9.5645479067326452E-3</v>
      </c>
      <c r="K142" s="91">
        <v>3.634716517038012E-2</v>
      </c>
      <c r="L142" s="92">
        <v>3.8245870568141042E-3</v>
      </c>
    </row>
    <row r="143" spans="1:12">
      <c r="A143" s="47" t="s">
        <v>585</v>
      </c>
      <c r="B143" s="183">
        <v>1547</v>
      </c>
      <c r="C143" s="184">
        <v>5.12236592196221</v>
      </c>
      <c r="D143" s="185">
        <v>7.6215533797328358E-2</v>
      </c>
      <c r="E143" s="187">
        <v>0.13766302221950039</v>
      </c>
      <c r="F143" s="95">
        <v>1.7547079187525239E-2</v>
      </c>
      <c r="G143" s="187">
        <v>0.15310921502924085</v>
      </c>
      <c r="H143" s="95">
        <v>1.8330489704834866E-2</v>
      </c>
      <c r="I143" s="187">
        <v>0.66526394254505306</v>
      </c>
      <c r="J143" s="95">
        <v>2.3972288040982982E-2</v>
      </c>
      <c r="K143" s="94">
        <v>4.3963820206207996E-2</v>
      </c>
      <c r="L143" s="95">
        <v>1.0543247437717529E-2</v>
      </c>
    </row>
    <row r="144" spans="1:12">
      <c r="A144" s="55" t="s">
        <v>586</v>
      </c>
      <c r="B144" s="181">
        <v>905</v>
      </c>
      <c r="C144" s="182">
        <v>5.1775713823752287</v>
      </c>
      <c r="D144" s="83">
        <v>9.6573515554918873E-2</v>
      </c>
      <c r="E144" s="186">
        <v>0.11703129526388953</v>
      </c>
      <c r="F144" s="92">
        <v>2.1456627269442207E-2</v>
      </c>
      <c r="G144" s="186">
        <v>0.15793243205466606</v>
      </c>
      <c r="H144" s="92">
        <v>2.4284462530823971E-2</v>
      </c>
      <c r="I144" s="186">
        <v>0.6945607688480151</v>
      </c>
      <c r="J144" s="92">
        <v>3.0577753282622428E-2</v>
      </c>
      <c r="K144" s="91">
        <v>3.0475503833430756E-2</v>
      </c>
      <c r="L144" s="92">
        <v>1.1770198109004749E-2</v>
      </c>
    </row>
    <row r="145" spans="1:15">
      <c r="A145" s="47" t="s">
        <v>584</v>
      </c>
      <c r="B145" s="183">
        <v>302</v>
      </c>
      <c r="C145" s="184">
        <v>4.7795234333380572</v>
      </c>
      <c r="D145" s="185">
        <v>0.21053674598207528</v>
      </c>
      <c r="E145" s="187">
        <v>0.21357439371555884</v>
      </c>
      <c r="F145" s="95">
        <v>4.7153092408576215E-2</v>
      </c>
      <c r="G145" s="187">
        <v>0.13003011650034993</v>
      </c>
      <c r="H145" s="95">
        <v>3.9053741879930222E-2</v>
      </c>
      <c r="I145" s="187">
        <v>0.60975340995977168</v>
      </c>
      <c r="J145" s="95">
        <v>5.5808619504835288E-2</v>
      </c>
      <c r="K145" s="94">
        <v>4.6642079824319456E-2</v>
      </c>
      <c r="L145" s="95">
        <v>2.5515572107479328E-2</v>
      </c>
    </row>
    <row r="146" spans="1:15">
      <c r="A146" s="55" t="s">
        <v>587</v>
      </c>
      <c r="B146" s="181">
        <v>13034</v>
      </c>
      <c r="C146" s="182">
        <v>5.1276371998581682</v>
      </c>
      <c r="D146" s="83">
        <v>2.6135318495385428E-2</v>
      </c>
      <c r="E146" s="186">
        <v>0.13597079174005006</v>
      </c>
      <c r="F146" s="92">
        <v>6.0056739155508873E-3</v>
      </c>
      <c r="G146" s="186">
        <v>0.15134942461502512</v>
      </c>
      <c r="H146" s="92">
        <v>6.2792155331350911E-3</v>
      </c>
      <c r="I146" s="186">
        <v>0.67630201393052236</v>
      </c>
      <c r="J146" s="92">
        <v>8.1956567361016561E-3</v>
      </c>
      <c r="K146" s="91">
        <v>3.6377769714416475E-2</v>
      </c>
      <c r="L146" s="92">
        <v>3.2855742291747585E-3</v>
      </c>
    </row>
    <row r="147" spans="1:15" s="244" customFormat="1">
      <c r="A147" s="237"/>
      <c r="B147" s="246"/>
      <c r="C147" s="247"/>
      <c r="D147" s="243"/>
      <c r="E147" s="247"/>
      <c r="F147" s="243"/>
      <c r="G147" s="247"/>
      <c r="H147" s="243"/>
      <c r="I147"/>
      <c r="J147"/>
      <c r="K147"/>
      <c r="L147"/>
      <c r="M147"/>
      <c r="N147"/>
      <c r="O147"/>
    </row>
    <row r="148" spans="1:15" ht="18.75">
      <c r="A148" s="338" t="s">
        <v>30</v>
      </c>
      <c r="B148" s="338"/>
      <c r="C148" s="338"/>
      <c r="D148" s="338"/>
      <c r="E148" s="338"/>
      <c r="F148" s="338"/>
      <c r="G148" s="338"/>
      <c r="H148" s="338"/>
      <c r="I148" s="338"/>
      <c r="J148" s="338"/>
    </row>
    <row r="149" spans="1:15" ht="48.75" customHeight="1">
      <c r="A149" s="398" t="s">
        <v>562</v>
      </c>
      <c r="B149" s="398"/>
      <c r="C149" s="398"/>
      <c r="D149" s="398"/>
      <c r="E149" s="398"/>
      <c r="F149" s="398"/>
      <c r="G149" s="398"/>
      <c r="H149" s="398"/>
      <c r="I149" s="398"/>
      <c r="J149" s="398"/>
    </row>
    <row r="150" spans="1:15" ht="36" customHeight="1">
      <c r="A150" s="296" t="s">
        <v>219</v>
      </c>
      <c r="B150" s="297"/>
      <c r="C150" s="297"/>
      <c r="D150" s="297"/>
      <c r="E150" s="297"/>
      <c r="F150" s="297"/>
      <c r="G150" s="297"/>
      <c r="H150" s="297"/>
      <c r="I150" s="297"/>
      <c r="J150" s="297"/>
    </row>
    <row r="151" spans="1:15" ht="37.5" customHeight="1">
      <c r="A151" s="108" t="s">
        <v>70</v>
      </c>
      <c r="B151" s="36" t="s">
        <v>71</v>
      </c>
      <c r="C151" s="37" t="s">
        <v>550</v>
      </c>
      <c r="D151" s="38" t="s">
        <v>72</v>
      </c>
      <c r="E151" s="36" t="s">
        <v>218</v>
      </c>
      <c r="F151" s="87" t="s">
        <v>137</v>
      </c>
      <c r="G151" s="36" t="s">
        <v>138</v>
      </c>
      <c r="H151" s="87" t="s">
        <v>139</v>
      </c>
      <c r="I151" s="36" t="s">
        <v>317</v>
      </c>
      <c r="J151" s="87" t="s">
        <v>318</v>
      </c>
    </row>
    <row r="152" spans="1:15" ht="72">
      <c r="A152" s="109"/>
      <c r="B152" s="40" t="s">
        <v>73</v>
      </c>
      <c r="C152" s="126" t="s">
        <v>305</v>
      </c>
      <c r="D152" s="42" t="s">
        <v>75</v>
      </c>
      <c r="E152" s="40" t="s">
        <v>182</v>
      </c>
      <c r="F152" s="89" t="s">
        <v>87</v>
      </c>
      <c r="G152" s="40" t="s">
        <v>183</v>
      </c>
      <c r="H152" s="89" t="s">
        <v>87</v>
      </c>
      <c r="I152" s="40" t="s">
        <v>184</v>
      </c>
      <c r="J152" s="89" t="s">
        <v>87</v>
      </c>
    </row>
    <row r="153" spans="1:15">
      <c r="A153" s="43" t="s">
        <v>348</v>
      </c>
      <c r="B153" s="188">
        <v>13851</v>
      </c>
      <c r="C153" s="182">
        <v>3.0329160970560132</v>
      </c>
      <c r="D153" s="83">
        <v>3.6623511781898717E-2</v>
      </c>
      <c r="E153" s="189">
        <v>0.37105043020143802</v>
      </c>
      <c r="F153" s="92">
        <v>8.2084289746870275E-3</v>
      </c>
      <c r="G153" s="189">
        <v>0.34435669868004803</v>
      </c>
      <c r="H153" s="92">
        <v>8.0738051360290924E-3</v>
      </c>
      <c r="I153" s="189">
        <v>0.28459287111853304</v>
      </c>
      <c r="J153" s="92">
        <v>7.6673261852317435E-3</v>
      </c>
    </row>
    <row r="154" spans="1:15">
      <c r="A154" s="47" t="s">
        <v>349</v>
      </c>
      <c r="B154" s="47">
        <v>10168</v>
      </c>
      <c r="C154" s="184">
        <v>3.2855500810756517</v>
      </c>
      <c r="D154" s="185">
        <v>4.3504768149603079E-2</v>
      </c>
      <c r="E154" s="191">
        <v>0.33692624218903311</v>
      </c>
      <c r="F154" s="95">
        <v>9.3733640094873748E-3</v>
      </c>
      <c r="G154" s="191">
        <v>0.33185389271766746</v>
      </c>
      <c r="H154" s="95">
        <v>9.3380838807650968E-3</v>
      </c>
      <c r="I154" s="191">
        <v>0.3312198650932992</v>
      </c>
      <c r="J154" s="95">
        <v>9.3335884448259264E-3</v>
      </c>
    </row>
    <row r="155" spans="1:15">
      <c r="A155" s="43" t="s">
        <v>350</v>
      </c>
      <c r="B155" s="51">
        <v>3683</v>
      </c>
      <c r="C155" s="182">
        <v>2.8273523170568304</v>
      </c>
      <c r="D155" s="83">
        <v>6.3360027012683451E-2</v>
      </c>
      <c r="E155" s="189">
        <v>0.39881667512865937</v>
      </c>
      <c r="F155" s="92">
        <v>1.6128859226447259E-2</v>
      </c>
      <c r="G155" s="189">
        <v>0.35453000954395897</v>
      </c>
      <c r="H155" s="92">
        <v>1.5758014580535377E-2</v>
      </c>
      <c r="I155" s="189">
        <v>0.24665331532738238</v>
      </c>
      <c r="J155" s="92">
        <v>1.4203551377707875E-2</v>
      </c>
    </row>
    <row r="156" spans="1:15">
      <c r="A156" s="47" t="s">
        <v>574</v>
      </c>
      <c r="B156" s="47">
        <v>4954</v>
      </c>
      <c r="C156" s="184">
        <v>2.8236891577548655</v>
      </c>
      <c r="D156" s="185">
        <v>5.5955039538169597E-2</v>
      </c>
      <c r="E156" s="191">
        <v>0.40312092160246665</v>
      </c>
      <c r="F156" s="95">
        <v>1.3933211928436485E-2</v>
      </c>
      <c r="G156" s="191">
        <v>0.35093354989200209</v>
      </c>
      <c r="H156" s="95">
        <v>1.3557135111444255E-2</v>
      </c>
      <c r="I156" s="191">
        <v>0.24594552850553317</v>
      </c>
      <c r="J156" s="95">
        <v>1.2235435091643314E-2</v>
      </c>
    </row>
    <row r="157" spans="1:15">
      <c r="A157" s="43" t="s">
        <v>575</v>
      </c>
      <c r="B157" s="51">
        <v>5128</v>
      </c>
      <c r="C157" s="182">
        <v>3.4179858859642001</v>
      </c>
      <c r="D157" s="83">
        <v>6.1184876236096163E-2</v>
      </c>
      <c r="E157" s="189">
        <v>0.31197660142017275</v>
      </c>
      <c r="F157" s="92">
        <v>1.2936149018827742E-2</v>
      </c>
      <c r="G157" s="189">
        <v>0.32896462933811255</v>
      </c>
      <c r="H157" s="92">
        <v>1.3118337979634399E-2</v>
      </c>
      <c r="I157" s="189">
        <v>0.35905876924171537</v>
      </c>
      <c r="J157" s="92">
        <v>1.3393921534120373E-2</v>
      </c>
    </row>
    <row r="158" spans="1:15">
      <c r="A158" s="47" t="s">
        <v>576</v>
      </c>
      <c r="B158" s="47">
        <v>3123</v>
      </c>
      <c r="C158" s="184">
        <v>3.5843171013393236</v>
      </c>
      <c r="D158" s="185">
        <v>7.8363326649502199E-2</v>
      </c>
      <c r="E158" s="191">
        <v>0.2902105983699016</v>
      </c>
      <c r="F158" s="95">
        <v>1.623700907753085E-2</v>
      </c>
      <c r="G158" s="191">
        <v>0.32435075047732864</v>
      </c>
      <c r="H158" s="95">
        <v>1.6746046999679687E-2</v>
      </c>
      <c r="I158" s="191">
        <v>0.38543865115276349</v>
      </c>
      <c r="J158" s="95">
        <v>1.7408328219513186E-2</v>
      </c>
    </row>
    <row r="159" spans="1:15">
      <c r="A159" s="43" t="s">
        <v>577</v>
      </c>
      <c r="B159" s="51">
        <v>411</v>
      </c>
      <c r="C159" s="182">
        <v>3.8133573134070091</v>
      </c>
      <c r="D159" s="83">
        <v>0.21096779192015222</v>
      </c>
      <c r="E159" s="189">
        <v>0.22532480066674826</v>
      </c>
      <c r="F159" s="92">
        <v>4.1187308309929296E-2</v>
      </c>
      <c r="G159" s="189">
        <v>0.36973927414723384</v>
      </c>
      <c r="H159" s="92">
        <v>4.7426052336227223E-2</v>
      </c>
      <c r="I159" s="189">
        <v>0.40493592518601756</v>
      </c>
      <c r="J159" s="92">
        <v>4.8210001739547988E-2</v>
      </c>
    </row>
    <row r="160" spans="1:15">
      <c r="A160" s="47" t="s">
        <v>578</v>
      </c>
      <c r="B160" s="47">
        <v>144</v>
      </c>
      <c r="C160" s="184">
        <v>3.7245010945495718</v>
      </c>
      <c r="D160" s="185">
        <v>0.36400213840611351</v>
      </c>
      <c r="E160" s="191">
        <v>0.27455918269136931</v>
      </c>
      <c r="F160" s="95">
        <v>7.3867399984214585E-2</v>
      </c>
      <c r="G160" s="191">
        <v>0.30458703727781689</v>
      </c>
      <c r="H160" s="95">
        <v>7.6024533879061898E-2</v>
      </c>
      <c r="I160" s="191">
        <v>0.42085378003081331</v>
      </c>
      <c r="J160" s="95">
        <v>8.121874059398472E-2</v>
      </c>
    </row>
    <row r="161" spans="1:10">
      <c r="A161" s="43" t="s">
        <v>581</v>
      </c>
      <c r="B161" s="51">
        <v>9780</v>
      </c>
      <c r="C161" s="182">
        <v>2.9714584885567366</v>
      </c>
      <c r="D161" s="83">
        <v>4.2840400627880929E-2</v>
      </c>
      <c r="E161" s="189">
        <v>0.3793366651194347</v>
      </c>
      <c r="F161" s="92">
        <v>9.8112243620715415E-3</v>
      </c>
      <c r="G161" s="189">
        <v>0.3477092064526211</v>
      </c>
      <c r="H161" s="92">
        <v>9.6298305338502511E-3</v>
      </c>
      <c r="I161" s="189">
        <v>0.27295412842796674</v>
      </c>
      <c r="J161" s="92">
        <v>9.0083161790752812E-3</v>
      </c>
    </row>
    <row r="162" spans="1:10">
      <c r="A162" s="47" t="s">
        <v>580</v>
      </c>
      <c r="B162" s="47">
        <v>4013</v>
      </c>
      <c r="C162" s="184">
        <v>3.5669857141886832</v>
      </c>
      <c r="D162" s="185">
        <v>6.9191145784869179E-2</v>
      </c>
      <c r="E162" s="191">
        <v>0.29215042553781978</v>
      </c>
      <c r="F162" s="95">
        <v>1.4353013986535457E-2</v>
      </c>
      <c r="G162" s="191">
        <v>0.32209170471331994</v>
      </c>
      <c r="H162" s="95">
        <v>1.4747451332207605E-2</v>
      </c>
      <c r="I162" s="191">
        <v>0.38575786974885934</v>
      </c>
      <c r="J162" s="95">
        <v>1.5361374759454519E-2</v>
      </c>
    </row>
    <row r="163" spans="1:10">
      <c r="A163" s="43" t="s">
        <v>583</v>
      </c>
      <c r="B163" s="188">
        <v>918</v>
      </c>
      <c r="C163" s="182">
        <v>3.6875692991591209</v>
      </c>
      <c r="D163" s="83">
        <v>0.14499504519161988</v>
      </c>
      <c r="E163" s="189">
        <v>0.27579542756082803</v>
      </c>
      <c r="F163" s="92">
        <v>2.9468724974375349E-2</v>
      </c>
      <c r="G163" s="189">
        <v>0.31350235864666615</v>
      </c>
      <c r="H163" s="92">
        <v>3.0577930436010418E-2</v>
      </c>
      <c r="I163" s="189">
        <v>0.41070221379250405</v>
      </c>
      <c r="J163" s="92">
        <v>3.2408385462763312E-2</v>
      </c>
    </row>
    <row r="164" spans="1:10">
      <c r="A164" s="47" t="s">
        <v>582</v>
      </c>
      <c r="B164" s="190">
        <v>3095</v>
      </c>
      <c r="C164" s="184">
        <v>3.5237241079840778</v>
      </c>
      <c r="D164" s="185">
        <v>7.8739202289497559E-2</v>
      </c>
      <c r="E164" s="191">
        <v>0.29801808556908599</v>
      </c>
      <c r="F164" s="95">
        <v>1.643662686979714E-2</v>
      </c>
      <c r="G164" s="191">
        <v>0.32517329253625443</v>
      </c>
      <c r="H164" s="95">
        <v>1.683258386513814E-2</v>
      </c>
      <c r="I164" s="191">
        <v>0.37680862189465875</v>
      </c>
      <c r="J164" s="95">
        <v>1.7411113343847335E-2</v>
      </c>
    </row>
    <row r="165" spans="1:10">
      <c r="A165" s="43" t="s">
        <v>568</v>
      </c>
      <c r="B165" s="52">
        <v>8222</v>
      </c>
      <c r="C165" s="182">
        <v>2.9545001468274186</v>
      </c>
      <c r="D165" s="83">
        <v>4.7324471503044849E-2</v>
      </c>
      <c r="E165" s="189">
        <v>0.38623027073848126</v>
      </c>
      <c r="F165" s="92">
        <v>1.0736755360665226E-2</v>
      </c>
      <c r="G165" s="189">
        <v>0.34339475806376329</v>
      </c>
      <c r="H165" s="92">
        <v>1.0471468972193261E-2</v>
      </c>
      <c r="I165" s="189">
        <v>0.27037497119774317</v>
      </c>
      <c r="J165" s="92">
        <v>9.795467592933798E-3</v>
      </c>
    </row>
    <row r="166" spans="1:10">
      <c r="A166" s="47" t="s">
        <v>569</v>
      </c>
      <c r="B166" s="190">
        <v>5494</v>
      </c>
      <c r="C166" s="184">
        <v>3.1041810145439568</v>
      </c>
      <c r="D166" s="185">
        <v>5.8241288927721582E-2</v>
      </c>
      <c r="E166" s="191">
        <v>0.35684128586148872</v>
      </c>
      <c r="F166" s="95">
        <v>1.292267606404447E-2</v>
      </c>
      <c r="G166" s="191">
        <v>0.34546910571027944</v>
      </c>
      <c r="H166" s="95">
        <v>1.282716450012049E-2</v>
      </c>
      <c r="I166" s="191">
        <v>0.29768960842825126</v>
      </c>
      <c r="J166" s="95">
        <v>1.2334905806179569E-2</v>
      </c>
    </row>
    <row r="167" spans="1:10">
      <c r="A167" s="55" t="s">
        <v>570</v>
      </c>
      <c r="B167" s="188">
        <v>1761</v>
      </c>
      <c r="C167" s="182">
        <v>2.9008470841464447</v>
      </c>
      <c r="D167" s="83">
        <v>9.4094940312232159E-2</v>
      </c>
      <c r="E167" s="189">
        <v>0.37803257421166242</v>
      </c>
      <c r="F167" s="92">
        <v>2.3087040501515662E-2</v>
      </c>
      <c r="G167" s="189">
        <v>0.36707023235612191</v>
      </c>
      <c r="H167" s="92">
        <v>2.2950108629013675E-2</v>
      </c>
      <c r="I167" s="189">
        <v>0.25489719343221828</v>
      </c>
      <c r="J167" s="92">
        <v>2.076151386226515E-2</v>
      </c>
    </row>
    <row r="168" spans="1:10">
      <c r="A168" s="47" t="s">
        <v>571</v>
      </c>
      <c r="B168" s="190">
        <v>3750</v>
      </c>
      <c r="C168" s="184">
        <v>3.0119998094581866</v>
      </c>
      <c r="D168" s="185">
        <v>6.8257187597655922E-2</v>
      </c>
      <c r="E168" s="191">
        <v>0.36105019311225028</v>
      </c>
      <c r="F168" s="95">
        <v>1.5679735359262498E-2</v>
      </c>
      <c r="G168" s="191">
        <v>0.36561386930369777</v>
      </c>
      <c r="H168" s="95">
        <v>1.5721972839927476E-2</v>
      </c>
      <c r="I168" s="191">
        <v>0.27333593758405195</v>
      </c>
      <c r="J168" s="95">
        <v>1.4551831968479229E-2</v>
      </c>
    </row>
    <row r="169" spans="1:10">
      <c r="A169" s="55" t="s">
        <v>572</v>
      </c>
      <c r="B169" s="188">
        <v>4155</v>
      </c>
      <c r="C169" s="182">
        <v>2.9941160692781148</v>
      </c>
      <c r="D169" s="83">
        <v>6.7223858937317957E-2</v>
      </c>
      <c r="E169" s="189">
        <v>0.38528605839156382</v>
      </c>
      <c r="F169" s="92">
        <v>1.5093394010694523E-2</v>
      </c>
      <c r="G169" s="189">
        <v>0.33541861016363272</v>
      </c>
      <c r="H169" s="92">
        <v>1.4643804619779254E-2</v>
      </c>
      <c r="I169" s="189">
        <v>0.27929533144481261</v>
      </c>
      <c r="J169" s="92">
        <v>1.3917045508697556E-2</v>
      </c>
    </row>
    <row r="170" spans="1:10">
      <c r="A170" s="47" t="s">
        <v>573</v>
      </c>
      <c r="B170" s="190">
        <v>3983</v>
      </c>
      <c r="C170" s="184">
        <v>3.2230047395383989</v>
      </c>
      <c r="D170" s="185">
        <v>7.093366025330089E-2</v>
      </c>
      <c r="E170" s="191">
        <v>0.36800725813131996</v>
      </c>
      <c r="F170" s="95">
        <v>1.5276495445824627E-2</v>
      </c>
      <c r="G170" s="191">
        <v>0.29694041313289915</v>
      </c>
      <c r="H170" s="95">
        <v>1.4475167425426238E-2</v>
      </c>
      <c r="I170" s="191">
        <v>0.33505232873577706</v>
      </c>
      <c r="J170" s="95">
        <v>1.4952372552560676E-2</v>
      </c>
    </row>
    <row r="171" spans="1:10">
      <c r="A171" s="55" t="s">
        <v>579</v>
      </c>
      <c r="B171" s="188">
        <v>9612</v>
      </c>
      <c r="C171" s="182">
        <v>3.0416123255965704</v>
      </c>
      <c r="D171" s="83">
        <v>4.4067531832159702E-2</v>
      </c>
      <c r="E171" s="189">
        <v>0.37545223190261978</v>
      </c>
      <c r="F171" s="92">
        <v>9.8765414782438447E-3</v>
      </c>
      <c r="G171" s="189">
        <v>0.33425994637259526</v>
      </c>
      <c r="H171" s="92">
        <v>9.6216504695904124E-3</v>
      </c>
      <c r="I171" s="189">
        <v>0.29028782172480977</v>
      </c>
      <c r="J171" s="92">
        <v>9.2582063931043006E-3</v>
      </c>
    </row>
    <row r="172" spans="1:10">
      <c r="A172" s="47" t="s">
        <v>585</v>
      </c>
      <c r="B172" s="190">
        <v>1545</v>
      </c>
      <c r="C172" s="184">
        <v>2.9002224117470838</v>
      </c>
      <c r="D172" s="185">
        <v>0.10788752379182778</v>
      </c>
      <c r="E172" s="191">
        <v>0.40238334485940025</v>
      </c>
      <c r="F172" s="95">
        <v>2.4921834619034845E-2</v>
      </c>
      <c r="G172" s="191">
        <v>0.34783919267826241</v>
      </c>
      <c r="H172" s="95">
        <v>2.4209464153394072E-2</v>
      </c>
      <c r="I172" s="191">
        <v>0.24977746246234059</v>
      </c>
      <c r="J172" s="95">
        <v>2.2016580875834382E-2</v>
      </c>
    </row>
    <row r="173" spans="1:10">
      <c r="A173" s="55" t="s">
        <v>586</v>
      </c>
      <c r="B173" s="188">
        <v>907</v>
      </c>
      <c r="C173" s="182">
        <v>3.0523936177125552</v>
      </c>
      <c r="D173" s="83">
        <v>0.13209163385593473</v>
      </c>
      <c r="E173" s="189">
        <v>0.32781629716199617</v>
      </c>
      <c r="F173" s="92">
        <v>3.1123319727566306E-2</v>
      </c>
      <c r="G173" s="189">
        <v>0.39819935891051783</v>
      </c>
      <c r="H173" s="92">
        <v>3.2443647757396367E-2</v>
      </c>
      <c r="I173" s="189">
        <v>0.27398434392748605</v>
      </c>
      <c r="J173" s="92">
        <v>2.9586578930017333E-2</v>
      </c>
    </row>
    <row r="174" spans="1:10">
      <c r="A174" s="47" t="s">
        <v>584</v>
      </c>
      <c r="B174" s="190">
        <v>301</v>
      </c>
      <c r="C174" s="184">
        <v>3.3525939964301266</v>
      </c>
      <c r="D174" s="185">
        <v>0.24569986571624328</v>
      </c>
      <c r="E174" s="191">
        <v>0.29737237798458982</v>
      </c>
      <c r="F174" s="95">
        <v>5.2480992953537864E-2</v>
      </c>
      <c r="G174" s="191">
        <v>0.35494125864391995</v>
      </c>
      <c r="H174" s="95">
        <v>5.4862721639997614E-2</v>
      </c>
      <c r="I174" s="191">
        <v>0.34768636337148989</v>
      </c>
      <c r="J174" s="95">
        <v>5.4611003019295175E-2</v>
      </c>
    </row>
    <row r="175" spans="1:10">
      <c r="A175" s="55" t="s">
        <v>587</v>
      </c>
      <c r="B175" s="188">
        <v>13025</v>
      </c>
      <c r="C175" s="182">
        <v>3.0274917407678763</v>
      </c>
      <c r="D175" s="83">
        <v>3.7831416365383772E-2</v>
      </c>
      <c r="E175" s="189">
        <v>0.3734190121465083</v>
      </c>
      <c r="F175" s="92">
        <v>8.4755990178700998E-3</v>
      </c>
      <c r="G175" s="189">
        <v>0.34315441327991875</v>
      </c>
      <c r="H175" s="92">
        <v>8.3188911256268996E-3</v>
      </c>
      <c r="I175" s="189">
        <v>0.28342657457359516</v>
      </c>
      <c r="J175" s="92">
        <v>7.8968860638670788E-3</v>
      </c>
    </row>
    <row r="177" spans="1:4" ht="18.75">
      <c r="A177" s="337" t="s">
        <v>13</v>
      </c>
      <c r="B177" s="337"/>
      <c r="C177" s="337"/>
      <c r="D177" s="337"/>
    </row>
    <row r="178" spans="1:4" ht="92.25" customHeight="1">
      <c r="A178" s="391" t="s">
        <v>397</v>
      </c>
      <c r="B178" s="391"/>
      <c r="C178" s="391"/>
      <c r="D178" s="391"/>
    </row>
    <row r="179" spans="1:4" ht="47.25" customHeight="1">
      <c r="A179" s="401" t="s">
        <v>14</v>
      </c>
      <c r="B179" s="343"/>
      <c r="C179" s="343"/>
      <c r="D179" s="343"/>
    </row>
    <row r="180" spans="1:4" ht="72">
      <c r="A180" s="35" t="s">
        <v>70</v>
      </c>
      <c r="B180" s="36" t="s">
        <v>71</v>
      </c>
      <c r="C180" s="37" t="s">
        <v>551</v>
      </c>
      <c r="D180" s="38" t="s">
        <v>72</v>
      </c>
    </row>
    <row r="181" spans="1:4" ht="72">
      <c r="A181" s="39"/>
      <c r="B181" s="40" t="s">
        <v>73</v>
      </c>
      <c r="C181" s="126" t="s">
        <v>398</v>
      </c>
      <c r="D181" s="42" t="s">
        <v>75</v>
      </c>
    </row>
    <row r="182" spans="1:4">
      <c r="A182" s="43" t="s">
        <v>348</v>
      </c>
      <c r="B182" s="164">
        <v>13827</v>
      </c>
      <c r="C182" s="165">
        <v>5.0982380875424731</v>
      </c>
      <c r="D182" s="84">
        <v>2.4190472874140591E-2</v>
      </c>
    </row>
    <row r="183" spans="1:4">
      <c r="A183" s="47" t="s">
        <v>349</v>
      </c>
      <c r="B183" s="47">
        <v>10151</v>
      </c>
      <c r="C183" s="167">
        <v>5.3220089317492016</v>
      </c>
      <c r="D183" s="85">
        <v>2.8117786814764043E-2</v>
      </c>
    </row>
    <row r="184" spans="1:4">
      <c r="A184" s="43" t="s">
        <v>350</v>
      </c>
      <c r="B184" s="51">
        <v>3676</v>
      </c>
      <c r="C184" s="165">
        <v>4.9158790423429561</v>
      </c>
      <c r="D184" s="84">
        <v>4.4776993159336351E-2</v>
      </c>
    </row>
    <row r="185" spans="1:4">
      <c r="A185" s="47" t="s">
        <v>574</v>
      </c>
      <c r="B185" s="47">
        <v>4940</v>
      </c>
      <c r="C185" s="167">
        <v>4.9649509823211933</v>
      </c>
      <c r="D185" s="85">
        <v>3.9341494950789188E-2</v>
      </c>
    </row>
    <row r="186" spans="1:4">
      <c r="A186" s="43" t="s">
        <v>575</v>
      </c>
      <c r="B186" s="51">
        <v>5123</v>
      </c>
      <c r="C186" s="165">
        <v>5.4312331382491124</v>
      </c>
      <c r="D186" s="84">
        <v>3.898096552199954E-2</v>
      </c>
    </row>
    <row r="187" spans="1:4">
      <c r="A187" s="47" t="s">
        <v>576</v>
      </c>
      <c r="B187" s="47">
        <v>3118</v>
      </c>
      <c r="C187" s="167">
        <v>5.3470317035729167</v>
      </c>
      <c r="D187" s="85">
        <v>5.0366497959620379E-2</v>
      </c>
    </row>
    <row r="188" spans="1:4">
      <c r="A188" s="43" t="s">
        <v>577</v>
      </c>
      <c r="B188" s="51">
        <v>414</v>
      </c>
      <c r="C188" s="165">
        <v>5.1434046290754107</v>
      </c>
      <c r="D188" s="84">
        <v>0.15665856594590635</v>
      </c>
    </row>
    <row r="189" spans="1:4">
      <c r="A189" s="47" t="s">
        <v>578</v>
      </c>
      <c r="B189" s="47">
        <v>141</v>
      </c>
      <c r="C189" s="167">
        <v>5.5987449361783428</v>
      </c>
      <c r="D189" s="85">
        <v>0.25916943601004488</v>
      </c>
    </row>
    <row r="190" spans="1:4">
      <c r="A190" s="43" t="s">
        <v>581</v>
      </c>
      <c r="B190" s="51">
        <v>9759</v>
      </c>
      <c r="C190" s="165">
        <v>5.0642759102517019</v>
      </c>
      <c r="D190" s="84">
        <v>2.8621662571048794E-2</v>
      </c>
    </row>
    <row r="191" spans="1:4">
      <c r="A191" s="47" t="s">
        <v>580</v>
      </c>
      <c r="B191" s="47">
        <v>4010</v>
      </c>
      <c r="C191" s="167">
        <v>5.3997891234920532</v>
      </c>
      <c r="D191" s="85">
        <v>4.4884872469362298E-2</v>
      </c>
    </row>
    <row r="192" spans="1:4">
      <c r="A192" s="43" t="s">
        <v>583</v>
      </c>
      <c r="B192" s="164">
        <v>921</v>
      </c>
      <c r="C192" s="165">
        <v>5.3546394531625481</v>
      </c>
      <c r="D192" s="84">
        <v>9.7555865995158572E-2</v>
      </c>
    </row>
    <row r="193" spans="1:34">
      <c r="A193" s="47" t="s">
        <v>582</v>
      </c>
      <c r="B193" s="166">
        <v>3089</v>
      </c>
      <c r="C193" s="167">
        <v>5.4160880766902215</v>
      </c>
      <c r="D193" s="85">
        <v>5.0495932829698928E-2</v>
      </c>
    </row>
    <row r="194" spans="1:34">
      <c r="A194" s="43" t="s">
        <v>568</v>
      </c>
      <c r="B194" s="81">
        <v>8210</v>
      </c>
      <c r="C194" s="165">
        <v>5.1192627309787087</v>
      </c>
      <c r="D194" s="84">
        <v>3.2213545452926318E-2</v>
      </c>
    </row>
    <row r="195" spans="1:34">
      <c r="A195" s="47" t="s">
        <v>569</v>
      </c>
      <c r="B195" s="166">
        <v>5483</v>
      </c>
      <c r="C195" s="167">
        <v>5.0786103113765719</v>
      </c>
      <c r="D195" s="85">
        <v>3.6765298030954227E-2</v>
      </c>
    </row>
    <row r="196" spans="1:34">
      <c r="A196" s="55" t="s">
        <v>570</v>
      </c>
      <c r="B196" s="164">
        <v>1763</v>
      </c>
      <c r="C196" s="165">
        <v>4.7535242190793072</v>
      </c>
      <c r="D196" s="84">
        <v>6.512707990031294E-2</v>
      </c>
    </row>
    <row r="197" spans="1:34">
      <c r="A197" s="47" t="s">
        <v>571</v>
      </c>
      <c r="B197" s="166">
        <v>3740</v>
      </c>
      <c r="C197" s="167">
        <v>4.8858392149675955</v>
      </c>
      <c r="D197" s="85">
        <v>4.638970504728511E-2</v>
      </c>
    </row>
    <row r="198" spans="1:34">
      <c r="A198" s="55" t="s">
        <v>572</v>
      </c>
      <c r="B198" s="164">
        <v>4153</v>
      </c>
      <c r="C198" s="165">
        <v>5.1767444702723866</v>
      </c>
      <c r="D198" s="84">
        <v>4.5172361062568826E-2</v>
      </c>
    </row>
    <row r="199" spans="1:34">
      <c r="A199" s="47" t="s">
        <v>573</v>
      </c>
      <c r="B199" s="166">
        <v>3970</v>
      </c>
      <c r="C199" s="167">
        <v>5.7281597419796055</v>
      </c>
      <c r="D199" s="85">
        <v>3.9252582546908464E-2</v>
      </c>
    </row>
    <row r="200" spans="1:34">
      <c r="A200" s="55" t="s">
        <v>579</v>
      </c>
      <c r="B200" s="164">
        <v>9594</v>
      </c>
      <c r="C200" s="165">
        <v>5.1308592268514763</v>
      </c>
      <c r="D200" s="84">
        <v>2.9344385790382854E-2</v>
      </c>
    </row>
    <row r="201" spans="1:34">
      <c r="A201" s="47" t="s">
        <v>585</v>
      </c>
      <c r="B201" s="166">
        <v>1542</v>
      </c>
      <c r="C201" s="167">
        <v>5.1223707235304152</v>
      </c>
      <c r="D201" s="85">
        <v>7.2827406625276869E-2</v>
      </c>
    </row>
    <row r="202" spans="1:34">
      <c r="A202" s="55" t="s">
        <v>586</v>
      </c>
      <c r="B202" s="164">
        <v>906</v>
      </c>
      <c r="C202" s="165">
        <v>4.8823163960041187</v>
      </c>
      <c r="D202" s="84">
        <v>9.1812713342558222E-2</v>
      </c>
    </row>
    <row r="203" spans="1:34">
      <c r="A203" s="47" t="s">
        <v>584</v>
      </c>
      <c r="B203" s="166">
        <v>299</v>
      </c>
      <c r="C203" s="167">
        <v>4.8007011140266895</v>
      </c>
      <c r="D203" s="85">
        <v>0.1854546750427179</v>
      </c>
    </row>
    <row r="204" spans="1:34">
      <c r="A204" s="55" t="s">
        <v>587</v>
      </c>
      <c r="B204" s="164">
        <v>13000</v>
      </c>
      <c r="C204" s="165">
        <v>5.1147684059017626</v>
      </c>
      <c r="D204" s="84">
        <v>2.4810672986956137E-2</v>
      </c>
    </row>
    <row r="206" spans="1:34" ht="18.75">
      <c r="A206" s="337" t="s">
        <v>399</v>
      </c>
      <c r="B206" s="337"/>
      <c r="C206" s="337"/>
      <c r="D206" s="337"/>
      <c r="E206" s="337"/>
      <c r="F206" s="337"/>
      <c r="G206" s="337"/>
      <c r="H206" s="337"/>
      <c r="I206" s="337"/>
      <c r="J206" s="337"/>
      <c r="K206" s="337"/>
      <c r="L206" s="337"/>
      <c r="M206" s="337"/>
      <c r="N206" s="337"/>
      <c r="O206" s="337"/>
      <c r="P206" s="337"/>
      <c r="Q206" s="337"/>
      <c r="R206" s="337"/>
      <c r="S206" s="337"/>
      <c r="T206" s="337"/>
      <c r="U206" s="337"/>
      <c r="V206" s="337"/>
      <c r="W206" s="337"/>
      <c r="X206" s="337"/>
      <c r="Y206" s="337"/>
      <c r="Z206" s="337"/>
      <c r="AA206" s="337"/>
      <c r="AB206" s="337"/>
      <c r="AC206" s="337"/>
      <c r="AD206" s="337"/>
      <c r="AE206" s="337"/>
      <c r="AF206" s="337"/>
      <c r="AG206" s="337"/>
      <c r="AH206" s="337"/>
    </row>
    <row r="207" spans="1:34" ht="58.5" customHeight="1">
      <c r="A207" s="391" t="s">
        <v>554</v>
      </c>
      <c r="B207" s="391"/>
      <c r="C207" s="391"/>
      <c r="D207" s="391"/>
      <c r="E207" s="391"/>
      <c r="F207" s="391"/>
      <c r="G207" s="391"/>
      <c r="H207" s="391"/>
      <c r="I207" s="391"/>
      <c r="J207" s="391"/>
      <c r="K207" s="391"/>
      <c r="L207" s="391"/>
      <c r="M207" s="391"/>
      <c r="N207" s="391"/>
      <c r="O207" s="391"/>
      <c r="P207" s="391"/>
      <c r="Q207" s="391"/>
      <c r="R207" s="391"/>
      <c r="S207" s="391"/>
      <c r="T207" s="391"/>
      <c r="U207" s="391"/>
      <c r="V207" s="391"/>
      <c r="W207" s="391"/>
      <c r="X207" s="391"/>
      <c r="Y207" s="391"/>
      <c r="Z207" s="391"/>
      <c r="AA207" s="391"/>
      <c r="AB207" s="391"/>
      <c r="AC207" s="391"/>
      <c r="AD207" s="391"/>
      <c r="AE207" s="391"/>
      <c r="AF207" s="391"/>
      <c r="AG207" s="391"/>
      <c r="AH207" s="391"/>
    </row>
    <row r="208" spans="1:34" ht="36" customHeight="1">
      <c r="A208" s="300"/>
      <c r="B208" s="386" t="s">
        <v>140</v>
      </c>
      <c r="C208" s="387"/>
      <c r="D208" s="387"/>
      <c r="E208" s="387"/>
      <c r="F208" s="387"/>
      <c r="G208" s="387"/>
      <c r="H208" s="387"/>
      <c r="I208" s="387"/>
      <c r="J208" s="387"/>
      <c r="K208" s="387"/>
      <c r="L208" s="387"/>
      <c r="M208" s="386" t="s">
        <v>400</v>
      </c>
      <c r="N208" s="387"/>
      <c r="O208" s="387"/>
      <c r="P208" s="387"/>
      <c r="Q208" s="387"/>
      <c r="R208" s="387"/>
      <c r="S208" s="387"/>
      <c r="T208" s="387"/>
      <c r="U208" s="387"/>
      <c r="V208" s="387"/>
      <c r="W208" s="387"/>
      <c r="X208" s="386" t="s">
        <v>401</v>
      </c>
      <c r="Y208" s="387"/>
      <c r="Z208" s="387"/>
      <c r="AA208" s="387"/>
      <c r="AB208" s="387"/>
      <c r="AC208" s="387"/>
      <c r="AD208" s="387"/>
      <c r="AE208" s="387"/>
      <c r="AF208" s="387"/>
      <c r="AG208" s="387"/>
      <c r="AH208" s="387"/>
    </row>
    <row r="209" spans="1:34" ht="39.75" customHeight="1">
      <c r="A209" s="35" t="s">
        <v>70</v>
      </c>
      <c r="B209" s="36" t="s">
        <v>71</v>
      </c>
      <c r="C209" s="37" t="s">
        <v>551</v>
      </c>
      <c r="D209" s="38" t="s">
        <v>72</v>
      </c>
      <c r="E209" s="36" t="s">
        <v>155</v>
      </c>
      <c r="F209" s="87" t="s">
        <v>84</v>
      </c>
      <c r="G209" s="36" t="s">
        <v>156</v>
      </c>
      <c r="H209" s="87" t="s">
        <v>85</v>
      </c>
      <c r="I209" s="36" t="s">
        <v>157</v>
      </c>
      <c r="J209" s="87" t="s">
        <v>86</v>
      </c>
      <c r="K209" s="36" t="s">
        <v>300</v>
      </c>
      <c r="L209" s="87" t="s">
        <v>299</v>
      </c>
      <c r="M209" s="63" t="s">
        <v>71</v>
      </c>
      <c r="N209" s="64" t="s">
        <v>551</v>
      </c>
      <c r="O209" s="65" t="s">
        <v>72</v>
      </c>
      <c r="P209" s="63" t="s">
        <v>155</v>
      </c>
      <c r="Q209" s="86" t="s">
        <v>84</v>
      </c>
      <c r="R209" s="63" t="s">
        <v>156</v>
      </c>
      <c r="S209" s="86" t="s">
        <v>85</v>
      </c>
      <c r="T209" s="63" t="s">
        <v>157</v>
      </c>
      <c r="U209" s="86" t="s">
        <v>86</v>
      </c>
      <c r="V209" s="63" t="s">
        <v>300</v>
      </c>
      <c r="W209" s="86" t="s">
        <v>299</v>
      </c>
      <c r="X209" s="36" t="s">
        <v>71</v>
      </c>
      <c r="Y209" s="37" t="s">
        <v>551</v>
      </c>
      <c r="Z209" s="38" t="s">
        <v>72</v>
      </c>
      <c r="AA209" s="36" t="s">
        <v>157</v>
      </c>
      <c r="AB209" s="87" t="s">
        <v>86</v>
      </c>
      <c r="AC209" s="36" t="s">
        <v>156</v>
      </c>
      <c r="AD209" s="87" t="s">
        <v>85</v>
      </c>
      <c r="AE209" s="36" t="s">
        <v>155</v>
      </c>
      <c r="AF209" s="87" t="s">
        <v>533</v>
      </c>
      <c r="AG209" s="36" t="s">
        <v>300</v>
      </c>
      <c r="AH209" s="87" t="s">
        <v>299</v>
      </c>
    </row>
    <row r="210" spans="1:34" ht="73.5" customHeight="1">
      <c r="A210" s="39"/>
      <c r="B210" s="40" t="s">
        <v>73</v>
      </c>
      <c r="C210" s="126" t="s">
        <v>304</v>
      </c>
      <c r="D210" s="42" t="s">
        <v>75</v>
      </c>
      <c r="E210" s="40" t="s">
        <v>158</v>
      </c>
      <c r="F210" s="89" t="s">
        <v>141</v>
      </c>
      <c r="G210" s="40" t="s">
        <v>159</v>
      </c>
      <c r="H210" s="89" t="s">
        <v>87</v>
      </c>
      <c r="I210" s="40" t="s">
        <v>160</v>
      </c>
      <c r="J210" s="89" t="s">
        <v>87</v>
      </c>
      <c r="K210" s="40" t="s">
        <v>300</v>
      </c>
      <c r="L210" s="89" t="s">
        <v>87</v>
      </c>
      <c r="M210" s="66" t="s">
        <v>73</v>
      </c>
      <c r="N210" s="260" t="s">
        <v>304</v>
      </c>
      <c r="O210" s="68" t="s">
        <v>75</v>
      </c>
      <c r="P210" s="66" t="s">
        <v>158</v>
      </c>
      <c r="Q210" s="88" t="s">
        <v>141</v>
      </c>
      <c r="R210" s="66" t="s">
        <v>159</v>
      </c>
      <c r="S210" s="88" t="s">
        <v>87</v>
      </c>
      <c r="T210" s="66" t="s">
        <v>160</v>
      </c>
      <c r="U210" s="88" t="s">
        <v>87</v>
      </c>
      <c r="V210" s="66" t="s">
        <v>300</v>
      </c>
      <c r="W210" s="88" t="s">
        <v>87</v>
      </c>
      <c r="X210" s="40" t="s">
        <v>73</v>
      </c>
      <c r="Y210" s="126" t="s">
        <v>536</v>
      </c>
      <c r="Z210" s="42" t="s">
        <v>75</v>
      </c>
      <c r="AA210" s="40" t="s">
        <v>160</v>
      </c>
      <c r="AB210" s="89" t="s">
        <v>87</v>
      </c>
      <c r="AC210" s="40" t="s">
        <v>159</v>
      </c>
      <c r="AD210" s="89" t="s">
        <v>87</v>
      </c>
      <c r="AE210" s="40" t="s">
        <v>158</v>
      </c>
      <c r="AF210" s="89" t="s">
        <v>87</v>
      </c>
      <c r="AG210" s="40" t="s">
        <v>300</v>
      </c>
      <c r="AH210" s="89" t="s">
        <v>87</v>
      </c>
    </row>
    <row r="211" spans="1:34">
      <c r="A211" s="43" t="s">
        <v>348</v>
      </c>
      <c r="B211" s="192">
        <v>13943</v>
      </c>
      <c r="C211" s="182">
        <v>5.2674529049140011</v>
      </c>
      <c r="D211" s="83">
        <v>2.5396140619569116E-2</v>
      </c>
      <c r="E211" s="189">
        <v>0.13037988512584719</v>
      </c>
      <c r="F211" s="92">
        <v>5.704396323305696E-3</v>
      </c>
      <c r="G211" s="189">
        <v>0.14594893252937521</v>
      </c>
      <c r="H211" s="92">
        <v>5.9807711118543905E-3</v>
      </c>
      <c r="I211" s="189">
        <v>0.70924715130903837</v>
      </c>
      <c r="J211" s="92">
        <v>7.6908939904346855E-3</v>
      </c>
      <c r="K211" s="189">
        <v>1.4424031035749629E-2</v>
      </c>
      <c r="L211" s="92">
        <v>2.0287744870067449E-3</v>
      </c>
      <c r="M211" s="192">
        <v>13859</v>
      </c>
      <c r="N211" s="182">
        <v>4.9898617291731453</v>
      </c>
      <c r="O211" s="83">
        <v>2.7329001428974493E-2</v>
      </c>
      <c r="P211" s="189">
        <v>0.17905338823202274</v>
      </c>
      <c r="Q211" s="92">
        <v>6.5138521239697291E-3</v>
      </c>
      <c r="R211" s="189">
        <v>0.16401517979330132</v>
      </c>
      <c r="S211" s="92">
        <v>6.2913772908889821E-3</v>
      </c>
      <c r="T211" s="189">
        <v>0.64197233469599102</v>
      </c>
      <c r="U211" s="92">
        <v>8.143832280892601E-3</v>
      </c>
      <c r="V211" s="189">
        <v>1.4959097278701537E-2</v>
      </c>
      <c r="W211" s="92">
        <v>2.0714405463674937E-3</v>
      </c>
      <c r="X211" s="192">
        <v>13854</v>
      </c>
      <c r="Y211" s="182">
        <v>5.044863519472699</v>
      </c>
      <c r="Z211" s="83">
        <v>3.0716765481605339E-2</v>
      </c>
      <c r="AA211" s="189">
        <v>0.23058309098054219</v>
      </c>
      <c r="AB211" s="92">
        <v>7.1569104274514499E-3</v>
      </c>
      <c r="AC211" s="189">
        <v>0.10805259362280144</v>
      </c>
      <c r="AD211" s="92">
        <v>5.2767513683299504E-3</v>
      </c>
      <c r="AE211" s="189">
        <v>0.64754024686774148</v>
      </c>
      <c r="AF211" s="92">
        <v>8.1167061002784049E-3</v>
      </c>
      <c r="AG211" s="189">
        <v>1.3824068528934631E-2</v>
      </c>
      <c r="AH211" s="92">
        <v>1.993595956119424E-3</v>
      </c>
    </row>
    <row r="212" spans="1:34">
      <c r="A212" s="47" t="s">
        <v>349</v>
      </c>
      <c r="B212" s="47">
        <v>10220</v>
      </c>
      <c r="C212" s="184">
        <v>5.4582937986452427</v>
      </c>
      <c r="D212" s="185">
        <v>2.9161141284772256E-2</v>
      </c>
      <c r="E212" s="191">
        <v>0.11475980873372124</v>
      </c>
      <c r="F212" s="95">
        <v>6.3080201788134381E-3</v>
      </c>
      <c r="G212" s="191">
        <v>0.12081702264701885</v>
      </c>
      <c r="H212" s="95">
        <v>6.4499017770815598E-3</v>
      </c>
      <c r="I212" s="191">
        <v>0.7541948219122131</v>
      </c>
      <c r="J212" s="95">
        <v>8.5175769222327509E-3</v>
      </c>
      <c r="K212" s="191">
        <v>1.0228346707037489E-2</v>
      </c>
      <c r="L212" s="95">
        <v>2.0085291069678415E-3</v>
      </c>
      <c r="M212" s="47">
        <v>10157</v>
      </c>
      <c r="N212" s="184">
        <v>5.1796464492033865</v>
      </c>
      <c r="O212" s="185">
        <v>3.1525837329850398E-2</v>
      </c>
      <c r="P212" s="191">
        <v>0.16256264098281814</v>
      </c>
      <c r="Q212" s="95">
        <v>7.3230370034518804E-3</v>
      </c>
      <c r="R212" s="191">
        <v>0.13803092907982234</v>
      </c>
      <c r="S212" s="95">
        <v>6.8467420952802007E-3</v>
      </c>
      <c r="T212" s="191">
        <v>0.68924169751998188</v>
      </c>
      <c r="U212" s="95">
        <v>9.1830614394183482E-3</v>
      </c>
      <c r="V212" s="191">
        <v>1.0164732417369877E-2</v>
      </c>
      <c r="W212" s="95">
        <v>2.0087676023535467E-3</v>
      </c>
      <c r="X212" s="47">
        <v>10145</v>
      </c>
      <c r="Y212" s="184">
        <v>5.3320696307010129</v>
      </c>
      <c r="Z212" s="185">
        <v>3.4626838593356107E-2</v>
      </c>
      <c r="AA212" s="191">
        <v>0.1866335940696498</v>
      </c>
      <c r="AB212" s="95">
        <v>7.7369015514828837E-3</v>
      </c>
      <c r="AC212" s="191">
        <v>9.0522174916732506E-2</v>
      </c>
      <c r="AD212" s="95">
        <v>5.7008573558275646E-3</v>
      </c>
      <c r="AE212" s="191">
        <v>0.71379178768450657</v>
      </c>
      <c r="AF212" s="95">
        <v>8.9739464397979186E-3</v>
      </c>
      <c r="AG212" s="191">
        <v>9.0524433291043378E-3</v>
      </c>
      <c r="AH212" s="95">
        <v>1.9001015753012239E-3</v>
      </c>
    </row>
    <row r="213" spans="1:34">
      <c r="A213" s="43" t="s">
        <v>350</v>
      </c>
      <c r="B213" s="51">
        <v>3723</v>
      </c>
      <c r="C213" s="182">
        <v>5.1117031039451977</v>
      </c>
      <c r="D213" s="83">
        <v>4.951252846847088E-2</v>
      </c>
      <c r="E213" s="189">
        <v>0.14302999859372642</v>
      </c>
      <c r="F213" s="92">
        <v>1.1482341147721219E-2</v>
      </c>
      <c r="G213" s="189">
        <v>0.16630232285188554</v>
      </c>
      <c r="H213" s="92">
        <v>1.2208929486818442E-2</v>
      </c>
      <c r="I213" s="189">
        <v>0.67284572029336776</v>
      </c>
      <c r="J213" s="92">
        <v>1.5372608500991874E-2</v>
      </c>
      <c r="K213" s="189">
        <v>1.782195826102102E-2</v>
      </c>
      <c r="L213" s="92">
        <v>4.3956609408566608E-3</v>
      </c>
      <c r="M213" s="51">
        <v>3702</v>
      </c>
      <c r="N213" s="182">
        <v>4.8346504973168001</v>
      </c>
      <c r="O213" s="83">
        <v>5.2490916215009328E-2</v>
      </c>
      <c r="P213" s="189">
        <v>0.192421702191273</v>
      </c>
      <c r="Q213" s="92">
        <v>1.2959303622014124E-2</v>
      </c>
      <c r="R213" s="189">
        <v>0.18507945397593281</v>
      </c>
      <c r="S213" s="92">
        <v>1.2767970386900631E-2</v>
      </c>
      <c r="T213" s="189">
        <v>0.60365316860022844</v>
      </c>
      <c r="U213" s="92">
        <v>1.6070513828775387E-2</v>
      </c>
      <c r="V213" s="189">
        <v>1.884567523256539E-2</v>
      </c>
      <c r="W213" s="92">
        <v>4.5273047846472103E-3</v>
      </c>
      <c r="X213" s="51">
        <v>3709</v>
      </c>
      <c r="Y213" s="182">
        <v>4.8107298992910357</v>
      </c>
      <c r="Z213" s="83">
        <v>6.2317355494325335E-2</v>
      </c>
      <c r="AA213" s="189">
        <v>0.26609927437951764</v>
      </c>
      <c r="AB213" s="92">
        <v>1.4509050225637487E-2</v>
      </c>
      <c r="AC213" s="189">
        <v>0.1222191622888306</v>
      </c>
      <c r="AD213" s="92">
        <v>1.0765926282271817E-2</v>
      </c>
      <c r="AE213" s="189">
        <v>0.59400147988514096</v>
      </c>
      <c r="AF213" s="92">
        <v>1.6119094541324468E-2</v>
      </c>
      <c r="AG213" s="189">
        <v>1.7680083446510748E-2</v>
      </c>
      <c r="AH213" s="92">
        <v>4.3874384546956505E-3</v>
      </c>
    </row>
    <row r="214" spans="1:34">
      <c r="A214" s="47" t="s">
        <v>574</v>
      </c>
      <c r="B214" s="47">
        <v>5003</v>
      </c>
      <c r="C214" s="184">
        <v>5.150169140221931</v>
      </c>
      <c r="D214" s="185">
        <v>4.2824548666650586E-2</v>
      </c>
      <c r="E214" s="191">
        <v>0.14060684757308223</v>
      </c>
      <c r="F214" s="95">
        <v>9.83356004928225E-3</v>
      </c>
      <c r="G214" s="191">
        <v>0.15867500659658762</v>
      </c>
      <c r="H214" s="95">
        <v>1.0334270108045128E-2</v>
      </c>
      <c r="I214" s="191">
        <v>0.6827651965587147</v>
      </c>
      <c r="J214" s="95">
        <v>1.3155906524255991E-2</v>
      </c>
      <c r="K214" s="191">
        <v>1.7952949271617211E-2</v>
      </c>
      <c r="L214" s="95">
        <v>3.7922654488275103E-3</v>
      </c>
      <c r="M214" s="47">
        <v>4975</v>
      </c>
      <c r="N214" s="184">
        <v>4.8548259448052073</v>
      </c>
      <c r="O214" s="185">
        <v>4.5723100440653662E-2</v>
      </c>
      <c r="P214" s="191">
        <v>0.19225696741514406</v>
      </c>
      <c r="Q214" s="95">
        <v>1.1175042240805202E-2</v>
      </c>
      <c r="R214" s="191">
        <v>0.17699190744104801</v>
      </c>
      <c r="S214" s="95">
        <v>1.0823989173844842E-2</v>
      </c>
      <c r="T214" s="191">
        <v>0.61216187896444929</v>
      </c>
      <c r="U214" s="95">
        <v>1.3811339454380619E-2</v>
      </c>
      <c r="V214" s="191">
        <v>1.8589246179359593E-2</v>
      </c>
      <c r="W214" s="95">
        <v>3.867239552502161E-3</v>
      </c>
      <c r="X214" s="47">
        <v>4979</v>
      </c>
      <c r="Y214" s="184">
        <v>4.8988418437143961</v>
      </c>
      <c r="Z214" s="185">
        <v>5.3613850337378345E-2</v>
      </c>
      <c r="AA214" s="191">
        <v>0.25263393378956706</v>
      </c>
      <c r="AB214" s="95">
        <v>1.2314307354436978E-2</v>
      </c>
      <c r="AC214" s="191">
        <v>0.11314757304600359</v>
      </c>
      <c r="AD214" s="95">
        <v>8.9857008581715331E-3</v>
      </c>
      <c r="AE214" s="191">
        <v>0.61684071719945588</v>
      </c>
      <c r="AF214" s="95">
        <v>1.3774659505645943E-2</v>
      </c>
      <c r="AG214" s="191">
        <v>1.7377775964974924E-2</v>
      </c>
      <c r="AH214" s="95">
        <v>3.7426322238058407E-3</v>
      </c>
    </row>
    <row r="215" spans="1:34">
      <c r="A215" s="43" t="s">
        <v>575</v>
      </c>
      <c r="B215" s="51">
        <v>5156</v>
      </c>
      <c r="C215" s="182">
        <v>5.5756408120991239</v>
      </c>
      <c r="D215" s="83">
        <v>4.0392908668309767E-2</v>
      </c>
      <c r="E215" s="189">
        <v>9.9519439124107614E-2</v>
      </c>
      <c r="F215" s="92">
        <v>8.346371926806111E-3</v>
      </c>
      <c r="G215" s="189">
        <v>0.11291149423156682</v>
      </c>
      <c r="H215" s="92">
        <v>8.8218678645763625E-3</v>
      </c>
      <c r="I215" s="189">
        <v>0.78290453049617625</v>
      </c>
      <c r="J215" s="92">
        <v>1.148268206520763E-2</v>
      </c>
      <c r="K215" s="189">
        <v>4.6645361481488599E-3</v>
      </c>
      <c r="L215" s="92">
        <v>1.9732768172339476E-3</v>
      </c>
      <c r="M215" s="51">
        <v>5117</v>
      </c>
      <c r="N215" s="182">
        <v>5.2993184834174434</v>
      </c>
      <c r="O215" s="83">
        <v>4.3822558510147561E-2</v>
      </c>
      <c r="P215" s="189">
        <v>0.14855266431660646</v>
      </c>
      <c r="Q215" s="92">
        <v>9.9472402283612548E-3</v>
      </c>
      <c r="R215" s="189">
        <v>0.13149732978715828</v>
      </c>
      <c r="S215" s="92">
        <v>9.4536489879115757E-3</v>
      </c>
      <c r="T215" s="189">
        <v>0.71522012738901486</v>
      </c>
      <c r="U215" s="92">
        <v>1.2615492745947164E-2</v>
      </c>
      <c r="V215" s="189">
        <v>4.7298785072199621E-3</v>
      </c>
      <c r="W215" s="92">
        <v>1.9940453786043955E-3</v>
      </c>
      <c r="X215" s="51">
        <v>5121</v>
      </c>
      <c r="Y215" s="182">
        <v>5.4216175125770807</v>
      </c>
      <c r="Z215" s="83">
        <v>4.7916566370539239E-2</v>
      </c>
      <c r="AA215" s="189">
        <v>0.1741077933268409</v>
      </c>
      <c r="AB215" s="92">
        <v>1.0599953593566589E-2</v>
      </c>
      <c r="AC215" s="189">
        <v>9.4196346975088996E-2</v>
      </c>
      <c r="AD215" s="92">
        <v>8.1727853467714624E-3</v>
      </c>
      <c r="AE215" s="189">
        <v>0.72681618142214677</v>
      </c>
      <c r="AF215" s="92">
        <v>1.2451182921247334E-2</v>
      </c>
      <c r="AG215" s="189">
        <v>4.8796782759236209E-3</v>
      </c>
      <c r="AH215" s="92">
        <v>2.0220022331921992E-3</v>
      </c>
    </row>
    <row r="216" spans="1:34">
      <c r="A216" s="47" t="s">
        <v>576</v>
      </c>
      <c r="B216" s="47">
        <v>3134</v>
      </c>
      <c r="C216" s="184">
        <v>5.458819820422522</v>
      </c>
      <c r="D216" s="185">
        <v>5.2056001606203793E-2</v>
      </c>
      <c r="E216" s="191">
        <v>0.11740222368260371</v>
      </c>
      <c r="F216" s="95">
        <v>1.1513391032835401E-2</v>
      </c>
      <c r="G216" s="191">
        <v>0.12475822225367331</v>
      </c>
      <c r="H216" s="95">
        <v>1.1817194291678743E-2</v>
      </c>
      <c r="I216" s="191">
        <v>0.74833699973035339</v>
      </c>
      <c r="J216" s="95">
        <v>1.550040023925562E-2</v>
      </c>
      <c r="K216" s="191">
        <v>9.5025543333639075E-3</v>
      </c>
      <c r="L216" s="95">
        <v>3.5747892031843388E-3</v>
      </c>
      <c r="M216" s="47">
        <v>3118</v>
      </c>
      <c r="N216" s="184">
        <v>5.2572818635132794</v>
      </c>
      <c r="O216" s="185">
        <v>5.5983727025923698E-2</v>
      </c>
      <c r="P216" s="191">
        <v>0.15407527798278081</v>
      </c>
      <c r="Q216" s="95">
        <v>1.2937662804140838E-2</v>
      </c>
      <c r="R216" s="191">
        <v>0.14252284178882041</v>
      </c>
      <c r="S216" s="95">
        <v>1.2529904172409321E-2</v>
      </c>
      <c r="T216" s="191">
        <v>0.69320926206118993</v>
      </c>
      <c r="U216" s="95">
        <v>1.6510659920802535E-2</v>
      </c>
      <c r="V216" s="191">
        <v>1.0192618167202461E-2</v>
      </c>
      <c r="W216" s="95">
        <v>3.7031243457656703E-3</v>
      </c>
      <c r="X216" s="47">
        <v>3105</v>
      </c>
      <c r="Y216" s="184">
        <v>5.3246968942299491</v>
      </c>
      <c r="Z216" s="185">
        <v>6.1786938970868586E-2</v>
      </c>
      <c r="AA216" s="191">
        <v>0.18932560552518171</v>
      </c>
      <c r="AB216" s="95">
        <v>1.406366171768803E-2</v>
      </c>
      <c r="AC216" s="191">
        <v>8.5575531667813093E-2</v>
      </c>
      <c r="AD216" s="95">
        <v>1.0062142868586373E-2</v>
      </c>
      <c r="AE216" s="191">
        <v>0.71904086057008565</v>
      </c>
      <c r="AF216" s="95">
        <v>1.6126888301841277E-2</v>
      </c>
      <c r="AG216" s="191">
        <v>6.0580022369139518E-3</v>
      </c>
      <c r="AH216" s="95">
        <v>2.9247447067566215E-3</v>
      </c>
    </row>
    <row r="217" spans="1:34">
      <c r="A217" s="43" t="s">
        <v>577</v>
      </c>
      <c r="B217" s="51">
        <v>415</v>
      </c>
      <c r="C217" s="182">
        <v>5.2731972339373305</v>
      </c>
      <c r="D217" s="83">
        <v>0.16149172963192146</v>
      </c>
      <c r="E217" s="189">
        <v>0.17485576837673147</v>
      </c>
      <c r="F217" s="92">
        <v>3.7370631666107067E-2</v>
      </c>
      <c r="G217" s="189">
        <v>8.9230100757203334E-2</v>
      </c>
      <c r="H217" s="92">
        <v>2.8397842518469107E-2</v>
      </c>
      <c r="I217" s="189">
        <v>0.73088824828649668</v>
      </c>
      <c r="J217" s="92">
        <v>4.3444046655174338E-2</v>
      </c>
      <c r="K217" s="189">
        <v>5.0258825795678865E-3</v>
      </c>
      <c r="L217" s="92">
        <v>9.6011570099030965E-3</v>
      </c>
      <c r="M217" s="51">
        <v>416</v>
      </c>
      <c r="N217" s="182">
        <v>5.1308380896462351</v>
      </c>
      <c r="O217" s="83">
        <v>0.16777045554054135</v>
      </c>
      <c r="P217" s="189">
        <v>0.18430429189969152</v>
      </c>
      <c r="Q217" s="92">
        <v>3.8075806317301925E-2</v>
      </c>
      <c r="R217" s="189">
        <v>0.13052089136749292</v>
      </c>
      <c r="S217" s="92">
        <v>3.3248428264491967E-2</v>
      </c>
      <c r="T217" s="189">
        <v>0.68005212746802746</v>
      </c>
      <c r="U217" s="92">
        <v>4.5585690243316136E-2</v>
      </c>
      <c r="V217" s="189">
        <v>5.1226892647877227E-3</v>
      </c>
      <c r="W217" s="92">
        <v>9.6308351119798359E-3</v>
      </c>
      <c r="X217" s="51">
        <v>415</v>
      </c>
      <c r="Y217" s="182">
        <v>5.035642439829763</v>
      </c>
      <c r="Z217" s="83">
        <v>0.18509960716326312</v>
      </c>
      <c r="AA217" s="189">
        <v>0.25500984998622045</v>
      </c>
      <c r="AB217" s="92">
        <v>4.2714607817446862E-2</v>
      </c>
      <c r="AC217" s="189">
        <v>7.1961593965920292E-2</v>
      </c>
      <c r="AD217" s="92">
        <v>2.5899493548171049E-2</v>
      </c>
      <c r="AE217" s="189">
        <v>0.66203042360726161</v>
      </c>
      <c r="AF217" s="92">
        <v>4.6268389609844827E-2</v>
      </c>
      <c r="AG217" s="189">
        <v>1.0998132440597158E-2</v>
      </c>
      <c r="AH217" s="92">
        <v>1.2133297715995224E-2</v>
      </c>
    </row>
    <row r="218" spans="1:34">
      <c r="A218" s="47" t="s">
        <v>578</v>
      </c>
      <c r="B218" s="47">
        <v>142</v>
      </c>
      <c r="C218" s="184">
        <v>5.7566049824247116</v>
      </c>
      <c r="D218" s="185">
        <v>0.26730303749474232</v>
      </c>
      <c r="E218" s="191">
        <v>8.392182482570569E-2</v>
      </c>
      <c r="F218" s="95">
        <v>4.8606637629584427E-2</v>
      </c>
      <c r="G218" s="191">
        <v>5.814906090062192E-2</v>
      </c>
      <c r="H218" s="95">
        <v>4.2303166119450057E-2</v>
      </c>
      <c r="I218" s="191">
        <v>0.85792911427367224</v>
      </c>
      <c r="J218" s="95">
        <v>5.9405845900359945E-2</v>
      </c>
      <c r="K218" s="191">
        <v>0</v>
      </c>
      <c r="L218" s="95">
        <v>1.9239640634980366E-2</v>
      </c>
      <c r="M218" s="47">
        <v>140</v>
      </c>
      <c r="N218" s="184">
        <v>5.5547812647602282</v>
      </c>
      <c r="O218" s="185">
        <v>0.27982620505587252</v>
      </c>
      <c r="P218" s="191">
        <v>0.11535229064601783</v>
      </c>
      <c r="Q218" s="95">
        <v>5.5315166863685011E-2</v>
      </c>
      <c r="R218" s="191">
        <v>7.9565969815252394E-2</v>
      </c>
      <c r="S218" s="95">
        <v>4.7992794279140154E-2</v>
      </c>
      <c r="T218" s="191">
        <v>0.80508173953872952</v>
      </c>
      <c r="U218" s="95">
        <v>6.7087037405250849E-2</v>
      </c>
      <c r="V218" s="191">
        <v>0</v>
      </c>
      <c r="W218" s="95">
        <v>1.9504976326797124E-2</v>
      </c>
      <c r="X218" s="47">
        <v>141</v>
      </c>
      <c r="Y218" s="184">
        <v>5.483561346722797</v>
      </c>
      <c r="Z218" s="185">
        <v>0.30080551114538417</v>
      </c>
      <c r="AA218" s="191">
        <v>0.13862221692167792</v>
      </c>
      <c r="AB218" s="95">
        <v>5.9076081138872749E-2</v>
      </c>
      <c r="AC218" s="191">
        <v>0.1539457351139914</v>
      </c>
      <c r="AD218" s="95">
        <v>6.1422764754324913E-2</v>
      </c>
      <c r="AE218" s="191">
        <v>0.70743204796433035</v>
      </c>
      <c r="AF218" s="95">
        <v>7.598786886989578E-2</v>
      </c>
      <c r="AG218" s="191">
        <v>0</v>
      </c>
      <c r="AH218" s="95">
        <v>1.9371399996077419E-2</v>
      </c>
    </row>
    <row r="219" spans="1:34">
      <c r="A219" s="43" t="s">
        <v>581</v>
      </c>
      <c r="B219" s="51">
        <v>9857</v>
      </c>
      <c r="C219" s="182">
        <v>5.2408413446540667</v>
      </c>
      <c r="D219" s="83">
        <v>3.028777227453951E-2</v>
      </c>
      <c r="E219" s="189">
        <v>0.13173738085005129</v>
      </c>
      <c r="F219" s="92">
        <v>6.8148815081819263E-3</v>
      </c>
      <c r="G219" s="189">
        <v>0.14944226052834406</v>
      </c>
      <c r="H219" s="92">
        <v>7.1833718643965431E-3</v>
      </c>
      <c r="I219" s="189">
        <v>0.70326066001004495</v>
      </c>
      <c r="J219" s="92">
        <v>9.2013194449969884E-3</v>
      </c>
      <c r="K219" s="189">
        <v>1.5559698611581968E-2</v>
      </c>
      <c r="L219" s="92">
        <v>2.5081106163435604E-3</v>
      </c>
      <c r="M219" s="51">
        <v>9791</v>
      </c>
      <c r="N219" s="182">
        <v>4.9575636700389607</v>
      </c>
      <c r="O219" s="83">
        <v>3.264324639596821E-2</v>
      </c>
      <c r="P219" s="189">
        <v>0.18131757977110957</v>
      </c>
      <c r="Q219" s="92">
        <v>7.7880143854406917E-3</v>
      </c>
      <c r="R219" s="189">
        <v>0.16781800713420536</v>
      </c>
      <c r="S219" s="92">
        <v>7.5543355203317539E-3</v>
      </c>
      <c r="T219" s="189">
        <v>0.63470117881402599</v>
      </c>
      <c r="U219" s="92">
        <v>9.7308424104126691E-3</v>
      </c>
      <c r="V219" s="189">
        <v>1.6163234280680241E-2</v>
      </c>
      <c r="W219" s="92">
        <v>2.5635878913652403E-3</v>
      </c>
      <c r="X219" s="51">
        <v>9791</v>
      </c>
      <c r="Y219" s="182">
        <v>5.003095199194969</v>
      </c>
      <c r="Z219" s="83">
        <v>3.6991133914973363E-2</v>
      </c>
      <c r="AA219" s="189">
        <v>0.2371734240493982</v>
      </c>
      <c r="AB219" s="92">
        <v>8.5968903120400425E-3</v>
      </c>
      <c r="AC219" s="189">
        <v>0.10987930650208735</v>
      </c>
      <c r="AD219" s="92">
        <v>6.3239135559327031E-3</v>
      </c>
      <c r="AE219" s="189">
        <v>0.63831466097710676</v>
      </c>
      <c r="AF219" s="92">
        <v>9.7101364011274328E-3</v>
      </c>
      <c r="AG219" s="189">
        <v>1.4632608471429069E-2</v>
      </c>
      <c r="AH219" s="92">
        <v>2.4426753384789593E-3</v>
      </c>
    </row>
    <row r="220" spans="1:34">
      <c r="A220" s="47" t="s">
        <v>580</v>
      </c>
      <c r="B220" s="47">
        <v>4027</v>
      </c>
      <c r="C220" s="184">
        <v>5.5083213335650623</v>
      </c>
      <c r="D220" s="185">
        <v>4.6475656113579573E-2</v>
      </c>
      <c r="E220" s="191">
        <v>0.11325567279473842</v>
      </c>
      <c r="F220" s="95">
        <v>9.9975447206669694E-3</v>
      </c>
      <c r="G220" s="191">
        <v>0.1097147422324629</v>
      </c>
      <c r="H220" s="95">
        <v>9.8603279801639312E-3</v>
      </c>
      <c r="I220" s="191">
        <v>0.77165969315938643</v>
      </c>
      <c r="J220" s="95">
        <v>1.3228424675086111E-2</v>
      </c>
      <c r="K220" s="191">
        <v>5.36989181341421E-3</v>
      </c>
      <c r="L220" s="95">
        <v>2.4044880724216643E-3</v>
      </c>
      <c r="M220" s="47">
        <v>4010</v>
      </c>
      <c r="N220" s="184">
        <v>5.2915337832604576</v>
      </c>
      <c r="O220" s="185">
        <v>4.9474544994083297E-2</v>
      </c>
      <c r="P220" s="191">
        <v>0.15137642021977907</v>
      </c>
      <c r="Q220" s="95">
        <v>1.1324964285690006E-2</v>
      </c>
      <c r="R220" s="191">
        <v>0.12732908913528171</v>
      </c>
      <c r="S220" s="95">
        <v>1.053586905865009E-2</v>
      </c>
      <c r="T220" s="191">
        <v>0.71592824841177527</v>
      </c>
      <c r="U220" s="95">
        <v>1.4239319374912721E-2</v>
      </c>
      <c r="V220" s="191">
        <v>5.3662422331645296E-3</v>
      </c>
      <c r="W220" s="95">
        <v>2.4092541156561214E-3</v>
      </c>
      <c r="X220" s="47">
        <v>4004</v>
      </c>
      <c r="Y220" s="184">
        <v>5.3977993761496075</v>
      </c>
      <c r="Z220" s="185">
        <v>5.4709883908858774E-2</v>
      </c>
      <c r="AA220" s="191">
        <v>0.1797019717323452</v>
      </c>
      <c r="AB220" s="95">
        <v>1.2137512290685978E-2</v>
      </c>
      <c r="AC220" s="191">
        <v>8.6009687727836112E-2</v>
      </c>
      <c r="AD220" s="95">
        <v>8.8767308010692693E-3</v>
      </c>
      <c r="AE220" s="191">
        <v>0.72667898641209205</v>
      </c>
      <c r="AF220" s="95">
        <v>1.4082702245599822E-2</v>
      </c>
      <c r="AG220" s="191">
        <v>7.6093541277277186E-3</v>
      </c>
      <c r="AH220" s="95">
        <v>2.8318017958216513E-3</v>
      </c>
    </row>
    <row r="221" spans="1:34">
      <c r="A221" s="43" t="s">
        <v>583</v>
      </c>
      <c r="B221" s="192">
        <v>924</v>
      </c>
      <c r="C221" s="182">
        <v>5.4432861745084775</v>
      </c>
      <c r="D221" s="83">
        <v>0.10191275458987401</v>
      </c>
      <c r="E221" s="189">
        <v>0.14051524662522463</v>
      </c>
      <c r="F221" s="92">
        <v>2.292062359198864E-2</v>
      </c>
      <c r="G221" s="189">
        <v>9.8454070988820933E-2</v>
      </c>
      <c r="H221" s="92">
        <v>1.9712137839999793E-2</v>
      </c>
      <c r="I221" s="189">
        <v>0.75979411951893083</v>
      </c>
      <c r="J221" s="92">
        <v>2.8092181816722468E-2</v>
      </c>
      <c r="K221" s="189">
        <v>1.2365628670232701E-3</v>
      </c>
      <c r="L221" s="92">
        <v>3.8140719076138882E-3</v>
      </c>
      <c r="M221" s="192">
        <v>916</v>
      </c>
      <c r="N221" s="182">
        <v>5.2474561311308916</v>
      </c>
      <c r="O221" s="83">
        <v>0.10697897758671709</v>
      </c>
      <c r="P221" s="189">
        <v>0.16901717136502545</v>
      </c>
      <c r="Q221" s="92">
        <v>2.4794889179751527E-2</v>
      </c>
      <c r="R221" s="189">
        <v>0.12420820133054862</v>
      </c>
      <c r="S221" s="92">
        <v>2.1869757751037701E-2</v>
      </c>
      <c r="T221" s="189">
        <v>0.70566778993781587</v>
      </c>
      <c r="U221" s="92">
        <v>3.007727584010559E-2</v>
      </c>
      <c r="V221" s="189">
        <v>1.106837366609783E-3</v>
      </c>
      <c r="W221" s="92">
        <v>3.7678308276021459E-3</v>
      </c>
      <c r="X221" s="192">
        <v>918</v>
      </c>
      <c r="Y221" s="182">
        <v>5.3738037083980075</v>
      </c>
      <c r="Z221" s="83">
        <v>0.11385711668388097</v>
      </c>
      <c r="AA221" s="189">
        <v>0.18006458456119623</v>
      </c>
      <c r="AB221" s="92">
        <v>2.5384466532227083E-2</v>
      </c>
      <c r="AC221" s="189">
        <v>9.4393524482663888E-2</v>
      </c>
      <c r="AD221" s="92">
        <v>1.9417523067156984E-2</v>
      </c>
      <c r="AE221" s="189">
        <v>0.72321759059768231</v>
      </c>
      <c r="AF221" s="92">
        <v>2.9500932001919049E-2</v>
      </c>
      <c r="AG221" s="189">
        <v>2.3243003584571941E-3</v>
      </c>
      <c r="AH221" s="92">
        <v>4.4004106599652574E-3</v>
      </c>
    </row>
    <row r="222" spans="1:34">
      <c r="A222" s="47" t="s">
        <v>582</v>
      </c>
      <c r="B222" s="193">
        <v>3103</v>
      </c>
      <c r="C222" s="184">
        <v>5.5318853461219684</v>
      </c>
      <c r="D222" s="185">
        <v>5.2113983485371114E-2</v>
      </c>
      <c r="E222" s="191">
        <v>0.10343438715306387</v>
      </c>
      <c r="F222" s="95">
        <v>1.095035953795173E-2</v>
      </c>
      <c r="G222" s="191">
        <v>0.11377182212257854</v>
      </c>
      <c r="H222" s="95">
        <v>1.1414965450277549E-2</v>
      </c>
      <c r="I222" s="191">
        <v>0.77593471186473484</v>
      </c>
      <c r="J222" s="95">
        <v>1.4969380017928165E-2</v>
      </c>
      <c r="K222" s="191">
        <v>6.8590788596220257E-3</v>
      </c>
      <c r="L222" s="95">
        <v>3.0944361239729013E-3</v>
      </c>
      <c r="M222" s="193">
        <v>3094</v>
      </c>
      <c r="N222" s="184">
        <v>5.3073946668079026</v>
      </c>
      <c r="O222" s="185">
        <v>5.5755764082759465E-2</v>
      </c>
      <c r="P222" s="191">
        <v>0.14506533157100934</v>
      </c>
      <c r="Q222" s="95">
        <v>1.2670858740941508E-2</v>
      </c>
      <c r="R222" s="191">
        <v>0.12844560619492165</v>
      </c>
      <c r="S222" s="95">
        <v>1.2041653404452596E-2</v>
      </c>
      <c r="T222" s="191">
        <v>0.719598991367843</v>
      </c>
      <c r="U222" s="95">
        <v>1.6145750419372721E-2</v>
      </c>
      <c r="V222" s="191">
        <v>6.8900708662254116E-3</v>
      </c>
      <c r="W222" s="95">
        <v>3.105650008861312E-3</v>
      </c>
      <c r="X222" s="193">
        <v>3086</v>
      </c>
      <c r="Y222" s="184">
        <v>5.4065070692927408</v>
      </c>
      <c r="Z222" s="185">
        <v>6.2391341813969374E-2</v>
      </c>
      <c r="AA222" s="191">
        <v>0.1795713327921632</v>
      </c>
      <c r="AB222" s="95">
        <v>1.382231773542923E-2</v>
      </c>
      <c r="AC222" s="191">
        <v>8.2989233234328719E-2</v>
      </c>
      <c r="AD222" s="95">
        <v>9.9547162589478724E-3</v>
      </c>
      <c r="AE222" s="191">
        <v>0.72792602745632518</v>
      </c>
      <c r="AF222" s="95">
        <v>1.6017148498177685E-2</v>
      </c>
      <c r="AG222" s="191">
        <v>9.5134065171815982E-3</v>
      </c>
      <c r="AH222" s="95">
        <v>3.606063179199578E-3</v>
      </c>
    </row>
    <row r="223" spans="1:34">
      <c r="A223" s="43" t="s">
        <v>568</v>
      </c>
      <c r="B223" s="81">
        <v>8283</v>
      </c>
      <c r="C223" s="182">
        <v>5.282065312304896</v>
      </c>
      <c r="D223" s="83">
        <v>3.3756414549697626E-2</v>
      </c>
      <c r="E223" s="189">
        <v>0.13611394237589414</v>
      </c>
      <c r="F223" s="92">
        <v>7.537836933027408E-3</v>
      </c>
      <c r="G223" s="189">
        <v>0.14375968734765324</v>
      </c>
      <c r="H223" s="92">
        <v>7.7119407559462479E-3</v>
      </c>
      <c r="I223" s="189">
        <v>0.70832770542492884</v>
      </c>
      <c r="J223" s="92">
        <v>9.987115010199268E-3</v>
      </c>
      <c r="K223" s="189">
        <v>1.1798664851518805E-2</v>
      </c>
      <c r="L223" s="92">
        <v>2.3955921703702541E-3</v>
      </c>
      <c r="M223" s="81">
        <v>8233</v>
      </c>
      <c r="N223" s="182">
        <v>4.9765703902253495</v>
      </c>
      <c r="O223" s="83">
        <v>3.6247603631854072E-2</v>
      </c>
      <c r="P223" s="189">
        <v>0.18934678426953921</v>
      </c>
      <c r="Q223" s="92">
        <v>8.6362361435200121E-3</v>
      </c>
      <c r="R223" s="189">
        <v>0.1655296066390109</v>
      </c>
      <c r="S223" s="92">
        <v>8.1933115330600059E-3</v>
      </c>
      <c r="T223" s="189">
        <v>0.63343256362804989</v>
      </c>
      <c r="U223" s="92">
        <v>1.0619125745948777E-2</v>
      </c>
      <c r="V223" s="189">
        <v>1.1691045463387778E-2</v>
      </c>
      <c r="W223" s="92">
        <v>2.3923610391663429E-3</v>
      </c>
      <c r="X223" s="81">
        <v>8232</v>
      </c>
      <c r="Y223" s="182">
        <v>5.1059833825791667</v>
      </c>
      <c r="Z223" s="83">
        <v>4.027464725566475E-2</v>
      </c>
      <c r="AA223" s="189">
        <v>0.22102359041024625</v>
      </c>
      <c r="AB223" s="92">
        <v>9.1463664135988908E-3</v>
      </c>
      <c r="AC223" s="189">
        <v>0.10554536636386062</v>
      </c>
      <c r="AD223" s="92">
        <v>6.7766935268954876E-3</v>
      </c>
      <c r="AE223" s="189">
        <v>0.66326196889107636</v>
      </c>
      <c r="AF223" s="92">
        <v>1.0415631906628232E-2</v>
      </c>
      <c r="AG223" s="189">
        <v>1.0169074334807906E-2</v>
      </c>
      <c r="AH223" s="92">
        <v>2.2364661510335176E-3</v>
      </c>
    </row>
    <row r="224" spans="1:34">
      <c r="A224" s="47" t="s">
        <v>569</v>
      </c>
      <c r="B224" s="193">
        <v>5524</v>
      </c>
      <c r="C224" s="184">
        <v>5.2561902788078507</v>
      </c>
      <c r="D224" s="185">
        <v>3.8790215162617638E-2</v>
      </c>
      <c r="E224" s="191">
        <v>0.12417865133566608</v>
      </c>
      <c r="F224" s="95">
        <v>8.8794239212675215E-3</v>
      </c>
      <c r="G224" s="191">
        <v>0.14660091349840534</v>
      </c>
      <c r="H224" s="95">
        <v>9.5214648074285861E-3</v>
      </c>
      <c r="I224" s="191">
        <v>0.71278069758391094</v>
      </c>
      <c r="J224" s="95">
        <v>1.2173072728448423E-2</v>
      </c>
      <c r="K224" s="191">
        <v>1.643973758203349E-2</v>
      </c>
      <c r="L224" s="95">
        <v>3.4561282404425662E-3</v>
      </c>
      <c r="M224" s="193">
        <v>5491</v>
      </c>
      <c r="N224" s="184">
        <v>5.0075261639106534</v>
      </c>
      <c r="O224" s="185">
        <v>4.1713617755221193E-2</v>
      </c>
      <c r="P224" s="191">
        <v>0.16734471654325808</v>
      </c>
      <c r="Q224" s="95">
        <v>1.0077100755055282E-2</v>
      </c>
      <c r="R224" s="191">
        <v>0.16161381846157086</v>
      </c>
      <c r="S224" s="95">
        <v>9.9374361736614611E-3</v>
      </c>
      <c r="T224" s="191">
        <v>0.65338862199928771</v>
      </c>
      <c r="U224" s="95">
        <v>1.2840625134239782E-2</v>
      </c>
      <c r="V224" s="191">
        <v>1.7652842995903171E-2</v>
      </c>
      <c r="W224" s="95">
        <v>3.5874432254308884E-3</v>
      </c>
      <c r="X224" s="193">
        <v>5489</v>
      </c>
      <c r="Y224" s="184">
        <v>4.9787906747893098</v>
      </c>
      <c r="Z224" s="185">
        <v>4.797490962167459E-2</v>
      </c>
      <c r="AA224" s="191">
        <v>0.24162125244062194</v>
      </c>
      <c r="AB224" s="95">
        <v>1.1554495453611181E-2</v>
      </c>
      <c r="AC224" s="191">
        <v>0.11024471077204606</v>
      </c>
      <c r="AD224" s="95">
        <v>8.4611307278864151E-3</v>
      </c>
      <c r="AE224" s="191">
        <v>0.63052351303107801</v>
      </c>
      <c r="AF224" s="95">
        <v>1.3025438715617114E-2</v>
      </c>
      <c r="AG224" s="191">
        <v>1.7610523756273411E-2</v>
      </c>
      <c r="AH224" s="95">
        <v>3.5839695379744807E-3</v>
      </c>
    </row>
    <row r="225" spans="1:34">
      <c r="A225" s="55" t="s">
        <v>570</v>
      </c>
      <c r="B225" s="192">
        <v>1782</v>
      </c>
      <c r="C225" s="182">
        <v>4.9634859474057276</v>
      </c>
      <c r="D225" s="83">
        <v>7.6832766390022067E-2</v>
      </c>
      <c r="E225" s="189">
        <v>0.18765764014807618</v>
      </c>
      <c r="F225" s="92">
        <v>1.8503881115463968E-2</v>
      </c>
      <c r="G225" s="189">
        <v>0.16783514988769402</v>
      </c>
      <c r="H225" s="92">
        <v>1.7717464945470145E-2</v>
      </c>
      <c r="I225" s="189">
        <v>0.62577079408526703</v>
      </c>
      <c r="J225" s="92">
        <v>2.2905056612482984E-2</v>
      </c>
      <c r="K225" s="189">
        <v>1.8736415878961653E-2</v>
      </c>
      <c r="L225" s="92">
        <v>6.5952693355056415E-3</v>
      </c>
      <c r="M225" s="192">
        <v>1775</v>
      </c>
      <c r="N225" s="182">
        <v>4.7265726321836148</v>
      </c>
      <c r="O225" s="83">
        <v>7.8048108766122934E-2</v>
      </c>
      <c r="P225" s="189">
        <v>0.21808058805196051</v>
      </c>
      <c r="Q225" s="92">
        <v>1.9601335899814769E-2</v>
      </c>
      <c r="R225" s="189">
        <v>0.19500604887475756</v>
      </c>
      <c r="S225" s="92">
        <v>1.8812200352343888E-2</v>
      </c>
      <c r="T225" s="189">
        <v>0.56491178279783094</v>
      </c>
      <c r="U225" s="92">
        <v>2.3509192923004303E-2</v>
      </c>
      <c r="V225" s="189">
        <v>2.2001580275450499E-2</v>
      </c>
      <c r="W225" s="92">
        <v>7.1196030446607347E-3</v>
      </c>
      <c r="X225" s="192">
        <v>1779</v>
      </c>
      <c r="Y225" s="182">
        <v>4.5759853720403871</v>
      </c>
      <c r="Z225" s="83">
        <v>8.9339061127055933E-2</v>
      </c>
      <c r="AA225" s="189">
        <v>0.30506790744559198</v>
      </c>
      <c r="AB225" s="92">
        <v>2.1817155879763173E-2</v>
      </c>
      <c r="AC225" s="189">
        <v>0.1304656034911853</v>
      </c>
      <c r="AD225" s="92">
        <v>1.5996097619663037E-2</v>
      </c>
      <c r="AE225" s="189">
        <v>0.54644280142998725</v>
      </c>
      <c r="AF225" s="92">
        <v>2.3580400671397474E-2</v>
      </c>
      <c r="AG225" s="189">
        <v>1.8023687633235877E-2</v>
      </c>
      <c r="AH225" s="92">
        <v>6.4839347919880925E-3</v>
      </c>
    </row>
    <row r="226" spans="1:34">
      <c r="A226" s="47" t="s">
        <v>571</v>
      </c>
      <c r="B226" s="193">
        <v>3771</v>
      </c>
      <c r="C226" s="184">
        <v>5.1204254998030159</v>
      </c>
      <c r="D226" s="185">
        <v>4.9380851053126222E-2</v>
      </c>
      <c r="E226" s="191">
        <v>0.13718418276623673</v>
      </c>
      <c r="F226" s="95">
        <v>1.1212268457121179E-2</v>
      </c>
      <c r="G226" s="191">
        <v>0.16089495227332243</v>
      </c>
      <c r="H226" s="95">
        <v>1.1971326876198682E-2</v>
      </c>
      <c r="I226" s="191">
        <v>0.68769134332098814</v>
      </c>
      <c r="J226" s="95">
        <v>1.5088141057523659E-2</v>
      </c>
      <c r="K226" s="191">
        <v>1.4229521639456318E-2</v>
      </c>
      <c r="L226" s="95">
        <v>3.9233520679300398E-3</v>
      </c>
      <c r="M226" s="193">
        <v>3763</v>
      </c>
      <c r="N226" s="184">
        <v>4.7915564015301406</v>
      </c>
      <c r="O226" s="185">
        <v>5.2853198530033119E-2</v>
      </c>
      <c r="P226" s="191">
        <v>0.20061798274909504</v>
      </c>
      <c r="Q226" s="95">
        <v>1.3057250896909553E-2</v>
      </c>
      <c r="R226" s="191">
        <v>0.18314480269975494</v>
      </c>
      <c r="S226" s="95">
        <v>1.2612788622893592E-2</v>
      </c>
      <c r="T226" s="191">
        <v>0.60202748934030192</v>
      </c>
      <c r="U226" s="95">
        <v>1.5950963036704634E-2</v>
      </c>
      <c r="V226" s="191">
        <v>1.4209725210849882E-2</v>
      </c>
      <c r="W226" s="95">
        <v>3.9250640472766737E-3</v>
      </c>
      <c r="X226" s="193">
        <v>3758</v>
      </c>
      <c r="Y226" s="184">
        <v>4.7548460408433382</v>
      </c>
      <c r="Z226" s="185">
        <v>6.0766452935632514E-2</v>
      </c>
      <c r="AA226" s="191">
        <v>0.27317103808364956</v>
      </c>
      <c r="AB226" s="95">
        <v>1.4533613413716204E-2</v>
      </c>
      <c r="AC226" s="191">
        <v>0.12463901514014067</v>
      </c>
      <c r="AD226" s="95">
        <v>1.0785403274636927E-2</v>
      </c>
      <c r="AE226" s="191">
        <v>0.58885732559927251</v>
      </c>
      <c r="AF226" s="95">
        <v>1.6044898362296549E-2</v>
      </c>
      <c r="AG226" s="191">
        <v>1.3332621176940181E-2</v>
      </c>
      <c r="AH226" s="95">
        <v>3.8108176629577093E-3</v>
      </c>
    </row>
    <row r="227" spans="1:34">
      <c r="A227" s="55" t="s">
        <v>572</v>
      </c>
      <c r="B227" s="192">
        <v>4180</v>
      </c>
      <c r="C227" s="182">
        <v>5.3089529779030808</v>
      </c>
      <c r="D227" s="83">
        <v>4.6888140858413876E-2</v>
      </c>
      <c r="E227" s="189">
        <v>0.13317872717987939</v>
      </c>
      <c r="F227" s="92">
        <v>1.0517185771794474E-2</v>
      </c>
      <c r="G227" s="189">
        <v>0.13666052014124305</v>
      </c>
      <c r="H227" s="92">
        <v>1.0631886883274239E-2</v>
      </c>
      <c r="I227" s="189">
        <v>0.7184659573457276</v>
      </c>
      <c r="J227" s="92">
        <v>1.3909150694058238E-2</v>
      </c>
      <c r="K227" s="189">
        <v>1.1694795333152772E-2</v>
      </c>
      <c r="L227" s="92">
        <v>3.389010633896013E-3</v>
      </c>
      <c r="M227" s="192">
        <v>4150</v>
      </c>
      <c r="N227" s="182">
        <v>5.0224155847036736</v>
      </c>
      <c r="O227" s="83">
        <v>5.0315019348198139E-2</v>
      </c>
      <c r="P227" s="189">
        <v>0.1814079809654115</v>
      </c>
      <c r="Q227" s="92">
        <v>1.1965868134440878E-2</v>
      </c>
      <c r="R227" s="189">
        <v>0.15240016869540435</v>
      </c>
      <c r="S227" s="92">
        <v>1.1162861333340827E-2</v>
      </c>
      <c r="T227" s="189">
        <v>0.65160229269945291</v>
      </c>
      <c r="U227" s="92">
        <v>1.4786589258578727E-2</v>
      </c>
      <c r="V227" s="189">
        <v>1.4589557639738045E-2</v>
      </c>
      <c r="W227" s="92">
        <v>3.7789499044322042E-3</v>
      </c>
      <c r="X227" s="192">
        <v>4153</v>
      </c>
      <c r="Y227" s="182">
        <v>5.2063219586268836</v>
      </c>
      <c r="Z227" s="83">
        <v>5.48978229353108E-2</v>
      </c>
      <c r="AA227" s="189">
        <v>0.20516446236823177</v>
      </c>
      <c r="AB227" s="92">
        <v>1.2532918987023913E-2</v>
      </c>
      <c r="AC227" s="189">
        <v>9.7722933936743153E-2</v>
      </c>
      <c r="AD227" s="92">
        <v>9.2272745412786423E-3</v>
      </c>
      <c r="AE227" s="189">
        <v>0.68387851415043988</v>
      </c>
      <c r="AF227" s="92">
        <v>1.4425198110699521E-2</v>
      </c>
      <c r="AG227" s="189">
        <v>1.3234089544591232E-2</v>
      </c>
      <c r="AH227" s="92">
        <v>3.6061468571850813E-3</v>
      </c>
    </row>
    <row r="228" spans="1:34">
      <c r="A228" s="47" t="s">
        <v>573</v>
      </c>
      <c r="B228" s="193">
        <v>4006</v>
      </c>
      <c r="C228" s="184">
        <v>5.7850790550475688</v>
      </c>
      <c r="D228" s="185">
        <v>4.0475879069999915E-2</v>
      </c>
      <c r="E228" s="191">
        <v>5.6684204071458154E-2</v>
      </c>
      <c r="F228" s="95">
        <v>7.3299840015182798E-3</v>
      </c>
      <c r="G228" s="191">
        <v>0.10504987952748035</v>
      </c>
      <c r="H228" s="95">
        <v>9.700011072438822E-3</v>
      </c>
      <c r="I228" s="191">
        <v>0.82557617754480916</v>
      </c>
      <c r="J228" s="95">
        <v>1.1993827097286721E-2</v>
      </c>
      <c r="K228" s="191">
        <v>1.2689738856249983E-2</v>
      </c>
      <c r="L228" s="95">
        <v>3.601361793057528E-3</v>
      </c>
      <c r="M228" s="193">
        <v>3968</v>
      </c>
      <c r="N228" s="184">
        <v>5.5767310973936128</v>
      </c>
      <c r="O228" s="185">
        <v>4.4944763382023793E-2</v>
      </c>
      <c r="P228" s="191">
        <v>9.6125000249444426E-2</v>
      </c>
      <c r="Q228" s="95">
        <v>9.3716671896775187E-3</v>
      </c>
      <c r="R228" s="191">
        <v>0.1097568619471606</v>
      </c>
      <c r="S228" s="95">
        <v>9.9351809242400023E-3</v>
      </c>
      <c r="T228" s="191">
        <v>0.78530423603110799</v>
      </c>
      <c r="U228" s="95">
        <v>1.3036680569107641E-2</v>
      </c>
      <c r="V228" s="191">
        <v>8.8139017722834306E-3</v>
      </c>
      <c r="W228" s="95">
        <v>3.0474431361230628E-3</v>
      </c>
      <c r="X228" s="193">
        <v>3965</v>
      </c>
      <c r="Y228" s="184">
        <v>5.8307033055996671</v>
      </c>
      <c r="Z228" s="185">
        <v>4.9458210495106555E-2</v>
      </c>
      <c r="AA228" s="191">
        <v>0.11529062352814566</v>
      </c>
      <c r="AB228" s="95">
        <v>1.0153612792376291E-2</v>
      </c>
      <c r="AC228" s="191">
        <v>6.2222793494912214E-2</v>
      </c>
      <c r="AD228" s="95">
        <v>7.6938925911717799E-3</v>
      </c>
      <c r="AE228" s="191">
        <v>0.81223378050450667</v>
      </c>
      <c r="AF228" s="95">
        <v>1.2405611180826526E-2</v>
      </c>
      <c r="AG228" s="191">
        <v>1.0252802472432121E-2</v>
      </c>
      <c r="AH228" s="95">
        <v>3.2732129762811563E-3</v>
      </c>
    </row>
    <row r="229" spans="1:34">
      <c r="A229" s="55" t="s">
        <v>579</v>
      </c>
      <c r="B229" s="192">
        <v>9674</v>
      </c>
      <c r="C229" s="182">
        <v>5.2858053753290291</v>
      </c>
      <c r="D229" s="83">
        <v>3.0735217092386663E-2</v>
      </c>
      <c r="E229" s="189">
        <v>0.12773497621958396</v>
      </c>
      <c r="F229" s="92">
        <v>6.7895255634140041E-3</v>
      </c>
      <c r="G229" s="189">
        <v>0.13900361794513705</v>
      </c>
      <c r="H229" s="92">
        <v>7.0363304045042603E-3</v>
      </c>
      <c r="I229" s="189">
        <v>0.72024265476832228</v>
      </c>
      <c r="J229" s="92">
        <v>9.1266322895131972E-3</v>
      </c>
      <c r="K229" s="189">
        <v>1.3018751066978527E-2</v>
      </c>
      <c r="L229" s="92">
        <v>2.3220067714984616E-3</v>
      </c>
      <c r="M229" s="192">
        <v>9612</v>
      </c>
      <c r="N229" s="182">
        <v>4.9903251053445343</v>
      </c>
      <c r="O229" s="83">
        <v>3.3088975316166613E-2</v>
      </c>
      <c r="P229" s="189">
        <v>0.17864184193085694</v>
      </c>
      <c r="Q229" s="92">
        <v>7.8147976129204818E-3</v>
      </c>
      <c r="R229" s="189">
        <v>0.16401036722095824</v>
      </c>
      <c r="S229" s="92">
        <v>7.5547052256689029E-3</v>
      </c>
      <c r="T229" s="189">
        <v>0.64341602370406181</v>
      </c>
      <c r="U229" s="92">
        <v>9.7695780694850992E-3</v>
      </c>
      <c r="V229" s="189">
        <v>1.3931767144144397E-2</v>
      </c>
      <c r="W229" s="92">
        <v>2.4075406534624791E-3</v>
      </c>
      <c r="X229" s="192">
        <v>9611</v>
      </c>
      <c r="Y229" s="182">
        <v>5.124592335000318</v>
      </c>
      <c r="Z229" s="83">
        <v>3.6817005869325244E-2</v>
      </c>
      <c r="AA229" s="189">
        <v>0.21837218161660185</v>
      </c>
      <c r="AB229" s="92">
        <v>8.4282601723164163E-3</v>
      </c>
      <c r="AC229" s="189">
        <v>0.10526759549299232</v>
      </c>
      <c r="AD229" s="92">
        <v>6.2639446193850819E-3</v>
      </c>
      <c r="AE229" s="189">
        <v>0.66341311274165859</v>
      </c>
      <c r="AF229" s="92">
        <v>9.6386802748995547E-3</v>
      </c>
      <c r="AG229" s="189">
        <v>1.2947110148770133E-2</v>
      </c>
      <c r="AH229" s="92">
        <v>2.3234826727568081E-3</v>
      </c>
    </row>
    <row r="230" spans="1:34">
      <c r="A230" s="47" t="s">
        <v>585</v>
      </c>
      <c r="B230" s="193">
        <v>1555</v>
      </c>
      <c r="C230" s="184">
        <v>5.3086722264302688</v>
      </c>
      <c r="D230" s="185">
        <v>7.5974677481943573E-2</v>
      </c>
      <c r="E230" s="191">
        <v>0.1204522742484659</v>
      </c>
      <c r="F230" s="95">
        <v>1.6544441331672495E-2</v>
      </c>
      <c r="G230" s="191">
        <v>0.1574659890867246</v>
      </c>
      <c r="H230" s="95">
        <v>1.8491664118502046E-2</v>
      </c>
      <c r="I230" s="191">
        <v>0.70986472412795987</v>
      </c>
      <c r="J230" s="95">
        <v>2.3000265780924994E-2</v>
      </c>
      <c r="K230" s="191">
        <v>1.2217012536850131E-2</v>
      </c>
      <c r="L230" s="95">
        <v>5.838787564374952E-3</v>
      </c>
      <c r="M230" s="193">
        <v>1550</v>
      </c>
      <c r="N230" s="184">
        <v>5.0020191973856907</v>
      </c>
      <c r="O230" s="185">
        <v>8.2866722984225996E-2</v>
      </c>
      <c r="P230" s="191">
        <v>0.18812329753161919</v>
      </c>
      <c r="Q230" s="95">
        <v>1.9860064468640724E-2</v>
      </c>
      <c r="R230" s="191">
        <v>0.15345735951594552</v>
      </c>
      <c r="S230" s="95">
        <v>1.8329575082623093E-2</v>
      </c>
      <c r="T230" s="191">
        <v>0.63840402776001082</v>
      </c>
      <c r="U230" s="95">
        <v>2.4381291839352882E-2</v>
      </c>
      <c r="V230" s="191">
        <v>2.0015315192426469E-2</v>
      </c>
      <c r="W230" s="95">
        <v>7.3169116413292603E-3</v>
      </c>
      <c r="X230" s="193">
        <v>1552</v>
      </c>
      <c r="Y230" s="184">
        <v>5.0534934748720275</v>
      </c>
      <c r="Z230" s="185">
        <v>9.3837992524287747E-2</v>
      </c>
      <c r="AA230" s="191">
        <v>0.22579237545469114</v>
      </c>
      <c r="AB230" s="95">
        <v>2.1222063857466712E-2</v>
      </c>
      <c r="AC230" s="191">
        <v>0.1126059268536732</v>
      </c>
      <c r="AD230" s="95">
        <v>1.6089117965967747E-2</v>
      </c>
      <c r="AE230" s="191">
        <v>0.64865329833112018</v>
      </c>
      <c r="AF230" s="95">
        <v>2.4210710851050463E-2</v>
      </c>
      <c r="AG230" s="191">
        <v>1.2948399360516814E-2</v>
      </c>
      <c r="AH230" s="95">
        <v>5.9988874215822705E-3</v>
      </c>
    </row>
    <row r="231" spans="1:34">
      <c r="A231" s="55" t="s">
        <v>586</v>
      </c>
      <c r="B231" s="192">
        <v>914</v>
      </c>
      <c r="C231" s="182">
        <v>5.1439493058991754</v>
      </c>
      <c r="D231" s="83">
        <v>0.10109625246837257</v>
      </c>
      <c r="E231" s="189">
        <v>0.15156657115124206</v>
      </c>
      <c r="F231" s="92">
        <v>2.3768110281762355E-2</v>
      </c>
      <c r="G231" s="189">
        <v>0.15911935560743928</v>
      </c>
      <c r="H231" s="92">
        <v>2.4236562245544335E-2</v>
      </c>
      <c r="I231" s="189">
        <v>0.6681297764206664</v>
      </c>
      <c r="J231" s="92">
        <v>3.1100244310403188E-2</v>
      </c>
      <c r="K231" s="189">
        <v>2.1184296820653432E-2</v>
      </c>
      <c r="L231" s="92">
        <v>9.951761009322501E-3</v>
      </c>
      <c r="M231" s="192">
        <v>910</v>
      </c>
      <c r="N231" s="182">
        <v>4.9753954456251819</v>
      </c>
      <c r="O231" s="83">
        <v>0.10464853784405477</v>
      </c>
      <c r="P231" s="189">
        <v>0.16165830762317362</v>
      </c>
      <c r="Q231" s="92">
        <v>2.4443448505593466E-2</v>
      </c>
      <c r="R231" s="189">
        <v>0.17151664355341104</v>
      </c>
      <c r="S231" s="92">
        <v>2.5019996343645622E-2</v>
      </c>
      <c r="T231" s="189">
        <v>0.65600627526563615</v>
      </c>
      <c r="U231" s="92">
        <v>3.1440583374166206E-2</v>
      </c>
      <c r="V231" s="189">
        <v>1.0818773557779722E-2</v>
      </c>
      <c r="W231" s="92">
        <v>7.4820453013981821E-3</v>
      </c>
      <c r="X231" s="192">
        <v>908</v>
      </c>
      <c r="Y231" s="182">
        <v>4.5307383384725952</v>
      </c>
      <c r="Z231" s="83">
        <v>0.12868489264854077</v>
      </c>
      <c r="AA231" s="189">
        <v>0.3175182678458856</v>
      </c>
      <c r="AB231" s="92">
        <v>3.0849939467784273E-2</v>
      </c>
      <c r="AC231" s="189">
        <v>0.12385023589714553</v>
      </c>
      <c r="AD231" s="92">
        <v>2.1939886138299537E-2</v>
      </c>
      <c r="AE231" s="189">
        <v>0.54260743144038637</v>
      </c>
      <c r="AF231" s="92">
        <v>3.2993918655881853E-2</v>
      </c>
      <c r="AG231" s="189">
        <v>1.6024064816582868E-2</v>
      </c>
      <c r="AH231" s="92">
        <v>8.8400655808529294E-3</v>
      </c>
    </row>
    <row r="232" spans="1:34">
      <c r="A232" s="47" t="s">
        <v>584</v>
      </c>
      <c r="B232" s="193">
        <v>309</v>
      </c>
      <c r="C232" s="184">
        <v>5.0508104032192431</v>
      </c>
      <c r="D232" s="185">
        <v>0.2106392732722637</v>
      </c>
      <c r="E232" s="191">
        <v>0.19353742165615895</v>
      </c>
      <c r="F232" s="95">
        <v>4.5001362145255838E-2</v>
      </c>
      <c r="G232" s="191">
        <v>0.14769176319468272</v>
      </c>
      <c r="H232" s="95">
        <v>4.0607378941835616E-2</v>
      </c>
      <c r="I232" s="191">
        <v>0.63231807838193121</v>
      </c>
      <c r="J232" s="95">
        <v>5.4560287899144647E-2</v>
      </c>
      <c r="K232" s="191">
        <v>2.645273676722704E-2</v>
      </c>
      <c r="L232" s="95">
        <v>2.0047202804541694E-2</v>
      </c>
      <c r="M232" s="193">
        <v>302</v>
      </c>
      <c r="N232" s="184">
        <v>4.8715819351606298</v>
      </c>
      <c r="O232" s="185">
        <v>0.21570109516953762</v>
      </c>
      <c r="P232" s="191">
        <v>0.20208217079619145</v>
      </c>
      <c r="Q232" s="95">
        <v>4.6237550042174211E-2</v>
      </c>
      <c r="R232" s="191">
        <v>0.13615803456581266</v>
      </c>
      <c r="S232" s="95">
        <v>3.9780006836067479E-2</v>
      </c>
      <c r="T232" s="191">
        <v>0.61148052114723372</v>
      </c>
      <c r="U232" s="95">
        <v>5.5765016135784898E-2</v>
      </c>
      <c r="V232" s="191">
        <v>5.0279273490762277E-2</v>
      </c>
      <c r="W232" s="95">
        <v>2.6322350043171249E-2</v>
      </c>
      <c r="X232" s="193">
        <v>305</v>
      </c>
      <c r="Y232" s="184">
        <v>4.4821306158444223</v>
      </c>
      <c r="Z232" s="185">
        <v>0.2402690062780205</v>
      </c>
      <c r="AA232" s="191">
        <v>0.32943497762176172</v>
      </c>
      <c r="AB232" s="95">
        <v>5.3566146392255064E-2</v>
      </c>
      <c r="AC232" s="191">
        <v>0.11069135030510228</v>
      </c>
      <c r="AD232" s="95">
        <v>3.6397178482812285E-2</v>
      </c>
      <c r="AE232" s="191">
        <v>0.51340352545122159</v>
      </c>
      <c r="AF232" s="95">
        <v>5.6868094313074366E-2</v>
      </c>
      <c r="AG232" s="191">
        <v>4.6470146621914205E-2</v>
      </c>
      <c r="AH232" s="95">
        <v>2.5339505526674973E-2</v>
      </c>
    </row>
    <row r="233" spans="1:34">
      <c r="A233" s="55" t="s">
        <v>587</v>
      </c>
      <c r="B233" s="192">
        <v>13099</v>
      </c>
      <c r="C233" s="182">
        <v>5.2843568564713843</v>
      </c>
      <c r="D233" s="83">
        <v>2.5917880680624891E-2</v>
      </c>
      <c r="E233" s="189">
        <v>0.12727862659499381</v>
      </c>
      <c r="F233" s="92">
        <v>5.8254018986320941E-3</v>
      </c>
      <c r="G233" s="189">
        <v>0.14334114144419624</v>
      </c>
      <c r="H233" s="92">
        <v>6.124509129109135E-3</v>
      </c>
      <c r="I233" s="189">
        <v>0.71587143788694296</v>
      </c>
      <c r="J233" s="92">
        <v>7.8804307601373878E-3</v>
      </c>
      <c r="K233" s="189">
        <v>1.3508794073881326E-2</v>
      </c>
      <c r="L233" s="92">
        <v>2.0278745128619454E-3</v>
      </c>
      <c r="M233" s="192">
        <v>13024</v>
      </c>
      <c r="N233" s="182">
        <v>5.0029364558210219</v>
      </c>
      <c r="O233" s="83">
        <v>2.7986556574498868E-2</v>
      </c>
      <c r="P233" s="189">
        <v>0.17630032247363522</v>
      </c>
      <c r="Q233" s="92">
        <v>6.6787978383003816E-3</v>
      </c>
      <c r="R233" s="189">
        <v>0.16282113291276448</v>
      </c>
      <c r="S233" s="92">
        <v>6.4709315141624852E-3</v>
      </c>
      <c r="T233" s="189">
        <v>0.64751393130528312</v>
      </c>
      <c r="U233" s="92">
        <v>8.371424563736022E-3</v>
      </c>
      <c r="V233" s="189">
        <v>1.3364613308334092E-2</v>
      </c>
      <c r="W233" s="92">
        <v>2.0231540124168242E-3</v>
      </c>
      <c r="X233" s="192">
        <v>13022</v>
      </c>
      <c r="Y233" s="182">
        <v>5.0643641912619204</v>
      </c>
      <c r="Z233" s="83">
        <v>3.1442438206037468E-2</v>
      </c>
      <c r="AA233" s="189">
        <v>0.22830130908791813</v>
      </c>
      <c r="AB233" s="92">
        <v>7.3562826045642619E-3</v>
      </c>
      <c r="AC233" s="189">
        <v>0.10764591932290904</v>
      </c>
      <c r="AD233" s="92">
        <v>5.4338223796311152E-3</v>
      </c>
      <c r="AE233" s="189">
        <v>0.65128380035671707</v>
      </c>
      <c r="AF233" s="92">
        <v>8.3513963424104356E-3</v>
      </c>
      <c r="AG233" s="189">
        <v>1.2768971232477831E-2</v>
      </c>
      <c r="AH233" s="92">
        <v>1.9788300191042356E-3</v>
      </c>
    </row>
  </sheetData>
  <mergeCells count="27">
    <mergeCell ref="A3:D3"/>
    <mergeCell ref="A4:D4"/>
    <mergeCell ref="A5:D5"/>
    <mergeCell ref="I34:O34"/>
    <mergeCell ref="A33:V33"/>
    <mergeCell ref="A32:V32"/>
    <mergeCell ref="A91:V91"/>
    <mergeCell ref="A90:V90"/>
    <mergeCell ref="B34:H34"/>
    <mergeCell ref="A61:D61"/>
    <mergeCell ref="A62:D62"/>
    <mergeCell ref="A63:D63"/>
    <mergeCell ref="X208:AH208"/>
    <mergeCell ref="P92:V92"/>
    <mergeCell ref="A177:D177"/>
    <mergeCell ref="A178:D178"/>
    <mergeCell ref="A179:D179"/>
    <mergeCell ref="B208:L208"/>
    <mergeCell ref="M208:W208"/>
    <mergeCell ref="A207:AH207"/>
    <mergeCell ref="A206:AH206"/>
    <mergeCell ref="B92:H92"/>
    <mergeCell ref="I92:O92"/>
    <mergeCell ref="A149:J149"/>
    <mergeCell ref="A148:J148"/>
    <mergeCell ref="A121:L121"/>
    <mergeCell ref="A120:L120"/>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D436"/>
  <sheetViews>
    <sheetView zoomScaleNormal="100" workbookViewId="0"/>
  </sheetViews>
  <sheetFormatPr defaultColWidth="17.5703125" defaultRowHeight="15"/>
  <cols>
    <col min="1" max="1" width="56.7109375" customWidth="1"/>
  </cols>
  <sheetData>
    <row r="1" spans="1:4" ht="31.5">
      <c r="A1" s="31" t="s">
        <v>47</v>
      </c>
    </row>
    <row r="3" spans="1:4" ht="18.75">
      <c r="A3" s="337" t="s">
        <v>402</v>
      </c>
      <c r="B3" s="337"/>
      <c r="C3" s="337"/>
      <c r="D3" s="337"/>
    </row>
    <row r="4" spans="1:4" ht="123" customHeight="1">
      <c r="A4" s="391" t="s">
        <v>410</v>
      </c>
      <c r="B4" s="391"/>
      <c r="C4" s="391"/>
      <c r="D4" s="391"/>
    </row>
    <row r="5" spans="1:4" ht="37.5" customHeight="1">
      <c r="A5" s="401" t="s">
        <v>403</v>
      </c>
      <c r="B5" s="343"/>
      <c r="C5" s="343"/>
      <c r="D5" s="343"/>
    </row>
    <row r="6" spans="1:4" ht="72">
      <c r="A6" s="35" t="s">
        <v>70</v>
      </c>
      <c r="B6" s="36" t="s">
        <v>71</v>
      </c>
      <c r="C6" s="37" t="s">
        <v>551</v>
      </c>
      <c r="D6" s="38" t="s">
        <v>72</v>
      </c>
    </row>
    <row r="7" spans="1:4" ht="72">
      <c r="A7" s="39"/>
      <c r="B7" s="40" t="s">
        <v>73</v>
      </c>
      <c r="C7" s="126" t="s">
        <v>303</v>
      </c>
      <c r="D7" s="42" t="s">
        <v>75</v>
      </c>
    </row>
    <row r="8" spans="1:4">
      <c r="A8" s="43" t="s">
        <v>348</v>
      </c>
      <c r="B8" s="164">
        <v>11350</v>
      </c>
      <c r="C8" s="165">
        <v>5.0012250453152456</v>
      </c>
      <c r="D8" s="84">
        <v>2.6654095715108173E-2</v>
      </c>
    </row>
    <row r="9" spans="1:4">
      <c r="A9" s="47" t="s">
        <v>349</v>
      </c>
      <c r="B9" s="47">
        <v>8248</v>
      </c>
      <c r="C9" s="167">
        <v>4.6646435909456647</v>
      </c>
      <c r="D9" s="85">
        <v>3.1743325340428702E-2</v>
      </c>
    </row>
    <row r="10" spans="1:4">
      <c r="A10" s="43" t="s">
        <v>350</v>
      </c>
      <c r="B10" s="51">
        <v>3102</v>
      </c>
      <c r="C10" s="165">
        <v>5.2648196685549573</v>
      </c>
      <c r="D10" s="84">
        <v>4.3328721073501671E-2</v>
      </c>
    </row>
    <row r="11" spans="1:4">
      <c r="A11" s="47" t="s">
        <v>574</v>
      </c>
      <c r="B11" s="47">
        <v>4121</v>
      </c>
      <c r="C11" s="167">
        <v>5.253490653036331</v>
      </c>
      <c r="D11" s="85">
        <v>3.8410551378109066E-2</v>
      </c>
    </row>
    <row r="12" spans="1:4">
      <c r="A12" s="43" t="s">
        <v>575</v>
      </c>
      <c r="B12" s="51">
        <v>4060</v>
      </c>
      <c r="C12" s="165">
        <v>4.6354811706978891</v>
      </c>
      <c r="D12" s="84">
        <v>4.3774589775262683E-2</v>
      </c>
    </row>
    <row r="13" spans="1:4">
      <c r="A13" s="47" t="s">
        <v>576</v>
      </c>
      <c r="B13" s="47">
        <v>2603</v>
      </c>
      <c r="C13" s="167">
        <v>4.1389273070270995</v>
      </c>
      <c r="D13" s="85">
        <v>5.4917016359030797E-2</v>
      </c>
    </row>
    <row r="14" spans="1:4">
      <c r="A14" s="43" t="s">
        <v>577</v>
      </c>
      <c r="B14" s="51">
        <v>376</v>
      </c>
      <c r="C14" s="165">
        <v>3.8560790033475834</v>
      </c>
      <c r="D14" s="84">
        <v>0.14617259780952374</v>
      </c>
    </row>
    <row r="15" spans="1:4">
      <c r="A15" s="47" t="s">
        <v>578</v>
      </c>
      <c r="B15" s="47">
        <v>120</v>
      </c>
      <c r="C15" s="167">
        <v>3.8314178203439129</v>
      </c>
      <c r="D15" s="85">
        <v>0.26134002442414567</v>
      </c>
    </row>
    <row r="16" spans="1:4">
      <c r="A16" s="43" t="s">
        <v>581</v>
      </c>
      <c r="B16" s="51">
        <v>8006</v>
      </c>
      <c r="C16" s="165">
        <v>5.0534941367967035</v>
      </c>
      <c r="D16" s="84">
        <v>3.1143384771504284E-2</v>
      </c>
    </row>
    <row r="17" spans="1:56">
      <c r="A17" s="47" t="s">
        <v>580</v>
      </c>
      <c r="B17" s="47">
        <v>3304</v>
      </c>
      <c r="C17" s="167">
        <v>4.4749904340991176</v>
      </c>
      <c r="D17" s="85">
        <v>5.0237622003195412E-2</v>
      </c>
    </row>
    <row r="18" spans="1:56">
      <c r="A18" s="43" t="s">
        <v>583</v>
      </c>
      <c r="B18" s="164">
        <v>783</v>
      </c>
      <c r="C18" s="165">
        <v>4.4317386553990872</v>
      </c>
      <c r="D18" s="84">
        <v>0.10783621822288988</v>
      </c>
    </row>
    <row r="19" spans="1:56">
      <c r="A19" s="47" t="s">
        <v>582</v>
      </c>
      <c r="B19" s="166">
        <v>2521</v>
      </c>
      <c r="C19" s="167">
        <v>4.4914767783357386</v>
      </c>
      <c r="D19" s="85">
        <v>5.6693615726372465E-2</v>
      </c>
    </row>
    <row r="20" spans="1:56">
      <c r="A20" s="43" t="s">
        <v>568</v>
      </c>
      <c r="B20" s="81">
        <v>6782</v>
      </c>
      <c r="C20" s="165">
        <v>4.9064351942194175</v>
      </c>
      <c r="D20" s="84">
        <v>3.5000687826869097E-2</v>
      </c>
    </row>
    <row r="21" spans="1:56">
      <c r="A21" s="47" t="s">
        <v>569</v>
      </c>
      <c r="B21" s="166">
        <v>4456</v>
      </c>
      <c r="C21" s="167">
        <v>5.1171655191395864</v>
      </c>
      <c r="D21" s="85">
        <v>4.1079322121051844E-2</v>
      </c>
    </row>
    <row r="22" spans="1:56">
      <c r="A22" s="55" t="s">
        <v>570</v>
      </c>
      <c r="B22" s="164">
        <v>1573</v>
      </c>
      <c r="C22" s="165">
        <v>4.924479034091287</v>
      </c>
      <c r="D22" s="84">
        <v>6.8697077101445236E-2</v>
      </c>
    </row>
    <row r="23" spans="1:56">
      <c r="A23" s="47" t="s">
        <v>571</v>
      </c>
      <c r="B23" s="166">
        <v>3282</v>
      </c>
      <c r="C23" s="167">
        <v>4.8537042165597288</v>
      </c>
      <c r="D23" s="85">
        <v>4.8941647297155041E-2</v>
      </c>
    </row>
    <row r="24" spans="1:56">
      <c r="A24" s="55" t="s">
        <v>572</v>
      </c>
      <c r="B24" s="164">
        <v>3328</v>
      </c>
      <c r="C24" s="165">
        <v>4.9127543807788028</v>
      </c>
      <c r="D24" s="84">
        <v>4.9499742377580001E-2</v>
      </c>
    </row>
    <row r="25" spans="1:56">
      <c r="A25" s="47" t="s">
        <v>573</v>
      </c>
      <c r="B25" s="166">
        <v>3004</v>
      </c>
      <c r="C25" s="167">
        <v>5.5485300023160402</v>
      </c>
      <c r="D25" s="85">
        <v>4.975093639922188E-2</v>
      </c>
    </row>
    <row r="26" spans="1:56">
      <c r="A26" s="55" t="s">
        <v>579</v>
      </c>
      <c r="B26" s="164">
        <v>8048</v>
      </c>
      <c r="C26" s="165">
        <v>4.93835836119489</v>
      </c>
      <c r="D26" s="84">
        <v>3.1966374668810284E-2</v>
      </c>
    </row>
    <row r="27" spans="1:56">
      <c r="A27" s="47" t="s">
        <v>585</v>
      </c>
      <c r="B27" s="166">
        <v>1140</v>
      </c>
      <c r="C27" s="167">
        <v>5.143024686093014</v>
      </c>
      <c r="D27" s="85">
        <v>8.0103655901561183E-2</v>
      </c>
    </row>
    <row r="28" spans="1:56">
      <c r="A28" s="55" t="s">
        <v>586</v>
      </c>
      <c r="B28" s="164">
        <v>749</v>
      </c>
      <c r="C28" s="165">
        <v>5.2829807600643468</v>
      </c>
      <c r="D28" s="84">
        <v>9.2943889495572363E-2</v>
      </c>
    </row>
    <row r="29" spans="1:56">
      <c r="A29" s="47" t="s">
        <v>584</v>
      </c>
      <c r="B29" s="166">
        <v>279</v>
      </c>
      <c r="C29" s="167">
        <v>4.7019340668978691</v>
      </c>
      <c r="D29" s="85">
        <v>0.18208040038126844</v>
      </c>
    </row>
    <row r="30" spans="1:56">
      <c r="A30" s="55" t="s">
        <v>587</v>
      </c>
      <c r="B30" s="164">
        <v>10628</v>
      </c>
      <c r="C30" s="165">
        <v>5.0140138404483698</v>
      </c>
      <c r="D30" s="84">
        <v>2.7481948184244386E-2</v>
      </c>
    </row>
    <row r="32" spans="1:56" ht="18.75">
      <c r="A32" s="337" t="s">
        <v>404</v>
      </c>
      <c r="B32" s="337"/>
      <c r="C32" s="337"/>
      <c r="D32" s="337"/>
      <c r="E32" s="337"/>
      <c r="F32" s="337"/>
      <c r="G32" s="337"/>
      <c r="H32" s="337"/>
      <c r="I32" s="337"/>
      <c r="J32" s="337"/>
      <c r="K32" s="337"/>
      <c r="L32" s="337"/>
      <c r="M32" s="337"/>
      <c r="N32" s="337"/>
      <c r="O32" s="337"/>
      <c r="P32" s="337"/>
      <c r="Q32" s="337"/>
      <c r="R32" s="337"/>
      <c r="S32" s="337"/>
      <c r="T32" s="337"/>
      <c r="U32" s="337"/>
      <c r="V32" s="337"/>
      <c r="W32" s="337"/>
      <c r="X32" s="337"/>
      <c r="Y32" s="337"/>
      <c r="Z32" s="337"/>
      <c r="AA32" s="337"/>
      <c r="AB32" s="337"/>
      <c r="AC32" s="337"/>
      <c r="AD32" s="337"/>
      <c r="AE32" s="337"/>
      <c r="AF32" s="337"/>
      <c r="AG32" s="337"/>
      <c r="AH32" s="337"/>
      <c r="AI32" s="337"/>
      <c r="AJ32" s="337"/>
      <c r="AK32" s="337"/>
      <c r="AL32" s="337"/>
      <c r="AM32" s="337"/>
      <c r="AN32" s="337"/>
      <c r="AO32" s="337"/>
      <c r="AP32" s="337"/>
      <c r="AQ32" s="337"/>
      <c r="AR32" s="337"/>
      <c r="AS32" s="337"/>
      <c r="AT32" s="337"/>
      <c r="AU32" s="337"/>
      <c r="AV32" s="337"/>
      <c r="AW32" s="337"/>
      <c r="AX32" s="337"/>
      <c r="AY32" s="337"/>
      <c r="AZ32" s="337"/>
      <c r="BA32" s="337"/>
      <c r="BB32" s="337"/>
      <c r="BC32" s="337"/>
      <c r="BD32" s="337"/>
    </row>
    <row r="33" spans="1:56" ht="69.75" customHeight="1">
      <c r="A33" s="406" t="s">
        <v>567</v>
      </c>
      <c r="B33" s="406"/>
      <c r="C33" s="406"/>
      <c r="D33" s="406"/>
      <c r="E33" s="406"/>
      <c r="F33" s="406"/>
      <c r="G33" s="406"/>
      <c r="H33" s="406"/>
      <c r="I33" s="406"/>
      <c r="J33" s="406"/>
      <c r="K33" s="406"/>
      <c r="L33" s="406"/>
      <c r="M33" s="406"/>
      <c r="N33" s="406"/>
      <c r="O33" s="406"/>
      <c r="P33" s="406"/>
      <c r="Q33" s="406"/>
      <c r="R33" s="406"/>
      <c r="S33" s="406"/>
      <c r="T33" s="406"/>
      <c r="U33" s="406"/>
      <c r="V33" s="406"/>
      <c r="W33" s="406"/>
      <c r="X33" s="406"/>
      <c r="Y33" s="406"/>
      <c r="Z33" s="406"/>
      <c r="AA33" s="406"/>
      <c r="AB33" s="406"/>
      <c r="AC33" s="406"/>
      <c r="AD33" s="406"/>
      <c r="AE33" s="406"/>
      <c r="AF33" s="406"/>
      <c r="AG33" s="406"/>
      <c r="AH33" s="406"/>
      <c r="AI33" s="406"/>
      <c r="AJ33" s="406"/>
      <c r="AK33" s="406"/>
      <c r="AL33" s="406"/>
      <c r="AM33" s="406"/>
      <c r="AN33" s="406"/>
      <c r="AO33" s="406"/>
      <c r="AP33" s="406"/>
      <c r="AQ33" s="406"/>
      <c r="AR33" s="406"/>
      <c r="AS33" s="406"/>
      <c r="AT33" s="406"/>
      <c r="AU33" s="406"/>
      <c r="AV33" s="406"/>
      <c r="AW33" s="406"/>
      <c r="AX33" s="406"/>
      <c r="AY33" s="406"/>
      <c r="AZ33" s="406"/>
      <c r="BA33" s="406"/>
      <c r="BB33" s="406"/>
      <c r="BC33" s="406"/>
      <c r="BD33" s="406"/>
    </row>
    <row r="34" spans="1:56" ht="34.5" customHeight="1">
      <c r="A34" s="62"/>
      <c r="B34" s="383" t="s">
        <v>405</v>
      </c>
      <c r="C34" s="384"/>
      <c r="D34" s="384"/>
      <c r="E34" s="384"/>
      <c r="F34" s="384"/>
      <c r="G34" s="384"/>
      <c r="H34" s="384"/>
      <c r="I34" s="384"/>
      <c r="J34" s="384"/>
      <c r="K34" s="384"/>
      <c r="L34" s="385"/>
      <c r="M34" s="402" t="s">
        <v>406</v>
      </c>
      <c r="N34" s="403"/>
      <c r="O34" s="403"/>
      <c r="P34" s="403"/>
      <c r="Q34" s="403"/>
      <c r="R34" s="403"/>
      <c r="S34" s="403"/>
      <c r="T34" s="403"/>
      <c r="U34" s="403"/>
      <c r="V34" s="403"/>
      <c r="W34" s="403"/>
      <c r="X34" s="383" t="s">
        <v>407</v>
      </c>
      <c r="Y34" s="384"/>
      <c r="Z34" s="384"/>
      <c r="AA34" s="384"/>
      <c r="AB34" s="384"/>
      <c r="AC34" s="384"/>
      <c r="AD34" s="384"/>
      <c r="AE34" s="384"/>
      <c r="AF34" s="384"/>
      <c r="AG34" s="384"/>
      <c r="AH34" s="385"/>
      <c r="AI34" s="402" t="s">
        <v>408</v>
      </c>
      <c r="AJ34" s="403"/>
      <c r="AK34" s="403"/>
      <c r="AL34" s="403"/>
      <c r="AM34" s="403"/>
      <c r="AN34" s="403"/>
      <c r="AO34" s="403"/>
      <c r="AP34" s="403"/>
      <c r="AQ34" s="403"/>
      <c r="AR34" s="403"/>
      <c r="AS34" s="403"/>
      <c r="AT34" s="383" t="s">
        <v>409</v>
      </c>
      <c r="AU34" s="384"/>
      <c r="AV34" s="384"/>
      <c r="AW34" s="384"/>
      <c r="AX34" s="384"/>
      <c r="AY34" s="384"/>
      <c r="AZ34" s="384"/>
      <c r="BA34" s="384"/>
      <c r="BB34" s="384"/>
      <c r="BC34" s="384"/>
      <c r="BD34" s="385"/>
    </row>
    <row r="35" spans="1:56" ht="49.5" customHeight="1">
      <c r="A35" s="35" t="s">
        <v>70</v>
      </c>
      <c r="B35" s="36" t="s">
        <v>71</v>
      </c>
      <c r="C35" s="37" t="s">
        <v>551</v>
      </c>
      <c r="D35" s="38" t="s">
        <v>72</v>
      </c>
      <c r="E35" s="36" t="s">
        <v>311</v>
      </c>
      <c r="F35" s="87" t="s">
        <v>142</v>
      </c>
      <c r="G35" s="36" t="s">
        <v>312</v>
      </c>
      <c r="H35" s="87" t="s">
        <v>143</v>
      </c>
      <c r="I35" s="36" t="s">
        <v>313</v>
      </c>
      <c r="J35" s="87" t="s">
        <v>116</v>
      </c>
      <c r="K35" s="36" t="s">
        <v>300</v>
      </c>
      <c r="L35" s="87" t="s">
        <v>314</v>
      </c>
      <c r="M35" s="63" t="s">
        <v>71</v>
      </c>
      <c r="N35" s="64" t="s">
        <v>551</v>
      </c>
      <c r="O35" s="65" t="s">
        <v>72</v>
      </c>
      <c r="P35" s="63" t="s">
        <v>311</v>
      </c>
      <c r="Q35" s="86" t="s">
        <v>142</v>
      </c>
      <c r="R35" s="63" t="s">
        <v>315</v>
      </c>
      <c r="S35" s="86" t="s">
        <v>316</v>
      </c>
      <c r="T35" s="63" t="s">
        <v>313</v>
      </c>
      <c r="U35" s="86" t="s">
        <v>116</v>
      </c>
      <c r="V35" s="63" t="s">
        <v>300</v>
      </c>
      <c r="W35" s="86" t="s">
        <v>314</v>
      </c>
      <c r="X35" s="36" t="s">
        <v>71</v>
      </c>
      <c r="Y35" s="37" t="s">
        <v>551</v>
      </c>
      <c r="Z35" s="38" t="s">
        <v>72</v>
      </c>
      <c r="AA35" s="36" t="s">
        <v>311</v>
      </c>
      <c r="AB35" s="87" t="s">
        <v>142</v>
      </c>
      <c r="AC35" s="36" t="s">
        <v>312</v>
      </c>
      <c r="AD35" s="87" t="s">
        <v>143</v>
      </c>
      <c r="AE35" s="36" t="s">
        <v>313</v>
      </c>
      <c r="AF35" s="87" t="s">
        <v>116</v>
      </c>
      <c r="AG35" s="36" t="s">
        <v>300</v>
      </c>
      <c r="AH35" s="87" t="s">
        <v>314</v>
      </c>
      <c r="AI35" s="63" t="s">
        <v>71</v>
      </c>
      <c r="AJ35" s="64" t="s">
        <v>551</v>
      </c>
      <c r="AK35" s="65" t="s">
        <v>72</v>
      </c>
      <c r="AL35" s="63" t="s">
        <v>311</v>
      </c>
      <c r="AM35" s="86" t="s">
        <v>142</v>
      </c>
      <c r="AN35" s="63" t="s">
        <v>315</v>
      </c>
      <c r="AO35" s="86" t="s">
        <v>316</v>
      </c>
      <c r="AP35" s="63" t="s">
        <v>313</v>
      </c>
      <c r="AQ35" s="86" t="s">
        <v>116</v>
      </c>
      <c r="AR35" s="63" t="s">
        <v>300</v>
      </c>
      <c r="AS35" s="86" t="s">
        <v>314</v>
      </c>
      <c r="AT35" s="36" t="s">
        <v>71</v>
      </c>
      <c r="AU35" s="37" t="s">
        <v>551</v>
      </c>
      <c r="AV35" s="38" t="s">
        <v>72</v>
      </c>
      <c r="AW35" s="36" t="s">
        <v>311</v>
      </c>
      <c r="AX35" s="87" t="s">
        <v>142</v>
      </c>
      <c r="AY35" s="36" t="s">
        <v>312</v>
      </c>
      <c r="AZ35" s="87" t="s">
        <v>143</v>
      </c>
      <c r="BA35" s="36" t="s">
        <v>313</v>
      </c>
      <c r="BB35" s="87" t="s">
        <v>116</v>
      </c>
      <c r="BC35" s="36" t="s">
        <v>300</v>
      </c>
      <c r="BD35" s="87" t="s">
        <v>314</v>
      </c>
    </row>
    <row r="36" spans="1:56" ht="72">
      <c r="A36" s="39"/>
      <c r="B36" s="40" t="s">
        <v>73</v>
      </c>
      <c r="C36" s="126" t="s">
        <v>303</v>
      </c>
      <c r="D36" s="42" t="s">
        <v>75</v>
      </c>
      <c r="E36" s="40" t="s">
        <v>158</v>
      </c>
      <c r="F36" s="89" t="s">
        <v>87</v>
      </c>
      <c r="G36" s="40" t="s">
        <v>159</v>
      </c>
      <c r="H36" s="89" t="s">
        <v>87</v>
      </c>
      <c r="I36" s="40" t="s">
        <v>160</v>
      </c>
      <c r="J36" s="89" t="s">
        <v>87</v>
      </c>
      <c r="K36" s="40" t="s">
        <v>300</v>
      </c>
      <c r="L36" s="89" t="s">
        <v>87</v>
      </c>
      <c r="M36" s="66" t="s">
        <v>73</v>
      </c>
      <c r="N36" s="260" t="s">
        <v>303</v>
      </c>
      <c r="O36" s="68" t="s">
        <v>75</v>
      </c>
      <c r="P36" s="66" t="s">
        <v>158</v>
      </c>
      <c r="Q36" s="88" t="s">
        <v>87</v>
      </c>
      <c r="R36" s="66" t="s">
        <v>159</v>
      </c>
      <c r="S36" s="88" t="s">
        <v>87</v>
      </c>
      <c r="T36" s="66" t="s">
        <v>160</v>
      </c>
      <c r="U36" s="88" t="s">
        <v>87</v>
      </c>
      <c r="V36" s="66" t="s">
        <v>300</v>
      </c>
      <c r="W36" s="88" t="s">
        <v>87</v>
      </c>
      <c r="X36" s="40" t="s">
        <v>73</v>
      </c>
      <c r="Y36" s="126" t="s">
        <v>303</v>
      </c>
      <c r="Z36" s="42" t="s">
        <v>75</v>
      </c>
      <c r="AA36" s="40" t="s">
        <v>158</v>
      </c>
      <c r="AB36" s="89" t="s">
        <v>87</v>
      </c>
      <c r="AC36" s="40" t="s">
        <v>159</v>
      </c>
      <c r="AD36" s="89" t="s">
        <v>87</v>
      </c>
      <c r="AE36" s="40" t="s">
        <v>160</v>
      </c>
      <c r="AF36" s="89" t="s">
        <v>87</v>
      </c>
      <c r="AG36" s="40" t="s">
        <v>300</v>
      </c>
      <c r="AH36" s="89" t="s">
        <v>87</v>
      </c>
      <c r="AI36" s="66" t="s">
        <v>73</v>
      </c>
      <c r="AJ36" s="260" t="s">
        <v>303</v>
      </c>
      <c r="AK36" s="68" t="s">
        <v>75</v>
      </c>
      <c r="AL36" s="66" t="s">
        <v>158</v>
      </c>
      <c r="AM36" s="88" t="s">
        <v>87</v>
      </c>
      <c r="AN36" s="66" t="s">
        <v>159</v>
      </c>
      <c r="AO36" s="88" t="s">
        <v>87</v>
      </c>
      <c r="AP36" s="66" t="s">
        <v>160</v>
      </c>
      <c r="AQ36" s="88" t="s">
        <v>87</v>
      </c>
      <c r="AR36" s="66" t="s">
        <v>300</v>
      </c>
      <c r="AS36" s="88" t="s">
        <v>87</v>
      </c>
      <c r="AT36" s="40" t="s">
        <v>73</v>
      </c>
      <c r="AU36" s="126" t="s">
        <v>303</v>
      </c>
      <c r="AV36" s="42" t="s">
        <v>75</v>
      </c>
      <c r="AW36" s="40" t="s">
        <v>158</v>
      </c>
      <c r="AX36" s="89" t="s">
        <v>87</v>
      </c>
      <c r="AY36" s="40" t="s">
        <v>159</v>
      </c>
      <c r="AZ36" s="89" t="s">
        <v>87</v>
      </c>
      <c r="BA36" s="40" t="s">
        <v>160</v>
      </c>
      <c r="BB36" s="89" t="s">
        <v>87</v>
      </c>
      <c r="BC36" s="40" t="s">
        <v>300</v>
      </c>
      <c r="BD36" s="89" t="s">
        <v>87</v>
      </c>
    </row>
    <row r="37" spans="1:56">
      <c r="A37" s="43" t="s">
        <v>348</v>
      </c>
      <c r="B37" s="194">
        <v>13940</v>
      </c>
      <c r="C37" s="82">
        <v>5.3923572280825276</v>
      </c>
      <c r="D37" s="83">
        <v>2.9743774228974319E-2</v>
      </c>
      <c r="E37" s="196">
        <v>0.13862554606183874</v>
      </c>
      <c r="F37" s="92">
        <v>5.8545042434810807E-3</v>
      </c>
      <c r="G37" s="196">
        <v>0.10636068005020874</v>
      </c>
      <c r="H37" s="92">
        <v>5.2240938731128147E-3</v>
      </c>
      <c r="I37" s="196">
        <v>0.74136904747388854</v>
      </c>
      <c r="J37" s="92">
        <v>7.4170571949616374E-3</v>
      </c>
      <c r="K37" s="196">
        <v>1.3644726414063765E-2</v>
      </c>
      <c r="L37" s="92">
        <v>1.974757352491056E-3</v>
      </c>
      <c r="M37" s="194">
        <v>13891</v>
      </c>
      <c r="N37" s="82">
        <v>4.4888687252785306</v>
      </c>
      <c r="O37" s="83">
        <v>3.5824400742918844E-2</v>
      </c>
      <c r="P37" s="196">
        <v>0.25315772708698303</v>
      </c>
      <c r="Q37" s="92">
        <v>7.3782104949347595E-3</v>
      </c>
      <c r="R37" s="196">
        <v>0.13848449710155714</v>
      </c>
      <c r="S37" s="92">
        <v>5.8623229416315172E-3</v>
      </c>
      <c r="T37" s="196">
        <v>0.46349818206867222</v>
      </c>
      <c r="U37" s="92">
        <v>8.46079176421171E-3</v>
      </c>
      <c r="V37" s="196">
        <v>0.14485959374280638</v>
      </c>
      <c r="W37" s="92">
        <v>5.9733821780276336E-3</v>
      </c>
      <c r="X37" s="194">
        <v>13899</v>
      </c>
      <c r="Y37" s="82">
        <v>4.6005030812762415</v>
      </c>
      <c r="Z37" s="83">
        <v>3.4101744936513793E-2</v>
      </c>
      <c r="AA37" s="196">
        <v>0.26523134780133095</v>
      </c>
      <c r="AB37" s="92">
        <v>7.4885683846324675E-3</v>
      </c>
      <c r="AC37" s="196">
        <v>0.13513539828581758</v>
      </c>
      <c r="AD37" s="92">
        <v>5.8006493954506372E-3</v>
      </c>
      <c r="AE37" s="196">
        <v>0.53565305596212776</v>
      </c>
      <c r="AF37" s="92">
        <v>8.4593980748710433E-3</v>
      </c>
      <c r="AG37" s="196">
        <v>6.3980197950739087E-2</v>
      </c>
      <c r="AH37" s="92">
        <v>4.1546771624056131E-3</v>
      </c>
      <c r="AI37" s="194">
        <v>13873</v>
      </c>
      <c r="AJ37" s="82">
        <v>5.4453897656438359</v>
      </c>
      <c r="AK37" s="83">
        <v>2.6492579756538036E-2</v>
      </c>
      <c r="AL37" s="196">
        <v>9.4930252377145641E-2</v>
      </c>
      <c r="AM37" s="92">
        <v>4.9792558899389664E-3</v>
      </c>
      <c r="AN37" s="196">
        <v>0.11528343223800952</v>
      </c>
      <c r="AO37" s="92">
        <v>5.4243697892731712E-3</v>
      </c>
      <c r="AP37" s="196">
        <v>0.67995250813807673</v>
      </c>
      <c r="AQ37" s="92">
        <v>7.9204039256124386E-3</v>
      </c>
      <c r="AR37" s="196">
        <v>0.10983380724677951</v>
      </c>
      <c r="AS37" s="92">
        <v>5.3110521555264183E-3</v>
      </c>
      <c r="AT37" s="194">
        <v>12496</v>
      </c>
      <c r="AU37" s="82">
        <v>5.1109221959418552</v>
      </c>
      <c r="AV37" s="83">
        <v>3.4400193252542538E-2</v>
      </c>
      <c r="AW37" s="196">
        <v>0.10971395465517197</v>
      </c>
      <c r="AX37" s="92">
        <v>5.5935469693539283E-3</v>
      </c>
      <c r="AY37" s="196">
        <v>0.12233961470793496</v>
      </c>
      <c r="AZ37" s="92">
        <v>5.8641664448586114E-3</v>
      </c>
      <c r="BA37" s="196">
        <v>0.52518936648083892</v>
      </c>
      <c r="BB37" s="92">
        <v>8.9329216153999393E-3</v>
      </c>
      <c r="BC37" s="196">
        <v>0.24275706415607431</v>
      </c>
      <c r="BD37" s="92">
        <v>7.6705862408790494E-3</v>
      </c>
    </row>
    <row r="38" spans="1:56">
      <c r="A38" s="47" t="s">
        <v>349</v>
      </c>
      <c r="B38" s="47">
        <v>10237</v>
      </c>
      <c r="C38" s="178">
        <v>5.09793175000154</v>
      </c>
      <c r="D38" s="130">
        <v>3.6227436418477137E-2</v>
      </c>
      <c r="E38" s="197">
        <v>0.20505237295533468</v>
      </c>
      <c r="F38" s="95">
        <v>7.980883358613914E-3</v>
      </c>
      <c r="G38" s="197">
        <v>0.10934293891190253</v>
      </c>
      <c r="H38" s="95">
        <v>6.1712771353111418E-3</v>
      </c>
      <c r="I38" s="197">
        <v>0.67649742335706919</v>
      </c>
      <c r="J38" s="95">
        <v>9.2460214665211673E-3</v>
      </c>
      <c r="K38" s="197">
        <v>9.1072647756860227E-3</v>
      </c>
      <c r="L38" s="95">
        <v>1.8969167039083483E-3</v>
      </c>
      <c r="M38" s="47">
        <v>10202</v>
      </c>
      <c r="N38" s="178">
        <v>3.9950778559713549</v>
      </c>
      <c r="O38" s="130">
        <v>4.2272162203040323E-2</v>
      </c>
      <c r="P38" s="197">
        <v>0.35080112657794904</v>
      </c>
      <c r="Q38" s="95">
        <v>9.447963688091655E-3</v>
      </c>
      <c r="R38" s="197">
        <v>0.12533013974003504</v>
      </c>
      <c r="S38" s="95">
        <v>6.5579767007389045E-3</v>
      </c>
      <c r="T38" s="197">
        <v>0.36984934619564652</v>
      </c>
      <c r="U38" s="95">
        <v>9.557607805195472E-3</v>
      </c>
      <c r="V38" s="197">
        <v>0.15401938748636876</v>
      </c>
      <c r="W38" s="95">
        <v>7.1486889222696541E-3</v>
      </c>
      <c r="X38" s="47">
        <v>10203</v>
      </c>
      <c r="Y38" s="178">
        <v>4.0246571952324945</v>
      </c>
      <c r="Z38" s="130">
        <v>4.0117288152217344E-2</v>
      </c>
      <c r="AA38" s="197">
        <v>0.39680804169681044</v>
      </c>
      <c r="AB38" s="95">
        <v>9.6851535940097652E-3</v>
      </c>
      <c r="AC38" s="197">
        <v>0.12694800785596802</v>
      </c>
      <c r="AD38" s="95">
        <v>6.5936743955059361E-3</v>
      </c>
      <c r="AE38" s="197">
        <v>0.41817946931466099</v>
      </c>
      <c r="AF38" s="95">
        <v>9.7647582304861303E-3</v>
      </c>
      <c r="AG38" s="197">
        <v>5.8064481132560769E-2</v>
      </c>
      <c r="AH38" s="95">
        <v>4.6361085122541583E-3</v>
      </c>
      <c r="AI38" s="47">
        <v>10195</v>
      </c>
      <c r="AJ38" s="178">
        <v>5.42475305301285</v>
      </c>
      <c r="AK38" s="130">
        <v>3.1646890455128363E-2</v>
      </c>
      <c r="AL38" s="197">
        <v>0.100853439818381</v>
      </c>
      <c r="AM38" s="95">
        <v>5.9677522300923876E-3</v>
      </c>
      <c r="AN38" s="197">
        <v>0.10833693314830201</v>
      </c>
      <c r="AO38" s="95">
        <v>6.1589987496151501E-3</v>
      </c>
      <c r="AP38" s="197">
        <v>0.66639303561309138</v>
      </c>
      <c r="AQ38" s="95">
        <v>9.3380283067416199E-3</v>
      </c>
      <c r="AR38" s="197">
        <v>0.12441659142021783</v>
      </c>
      <c r="AS38" s="95">
        <v>6.5397254220062326E-3</v>
      </c>
      <c r="AT38" s="47">
        <v>8834</v>
      </c>
      <c r="AU38" s="178">
        <v>4.9025365079343191</v>
      </c>
      <c r="AV38" s="130">
        <v>4.3705890939296527E-2</v>
      </c>
      <c r="AW38" s="197">
        <v>0.1377063033555474</v>
      </c>
      <c r="AX38" s="95">
        <v>7.3345694733621793E-3</v>
      </c>
      <c r="AY38" s="197">
        <v>0.11459535486474738</v>
      </c>
      <c r="AZ38" s="95">
        <v>6.7810179895330253E-3</v>
      </c>
      <c r="BA38" s="197">
        <v>0.45164065069923159</v>
      </c>
      <c r="BB38" s="95">
        <v>1.0587270057826835E-2</v>
      </c>
      <c r="BC38" s="197">
        <v>0.29605769108047647</v>
      </c>
      <c r="BD38" s="95">
        <v>9.712900063322925E-3</v>
      </c>
    </row>
    <row r="39" spans="1:56">
      <c r="A39" s="43" t="s">
        <v>350</v>
      </c>
      <c r="B39" s="51">
        <v>3703</v>
      </c>
      <c r="C39" s="82">
        <v>5.6346068862803182</v>
      </c>
      <c r="D39" s="83">
        <v>4.5919245388859074E-2</v>
      </c>
      <c r="E39" s="196">
        <v>8.4424856767128811E-2</v>
      </c>
      <c r="F39" s="92">
        <v>9.1547146304464099E-3</v>
      </c>
      <c r="G39" s="196">
        <v>0.10392731850761371</v>
      </c>
      <c r="H39" s="92">
        <v>1.0042520548455001E-2</v>
      </c>
      <c r="I39" s="196">
        <v>0.79430077562095602</v>
      </c>
      <c r="J39" s="92">
        <v>1.3285431587012137E-2</v>
      </c>
      <c r="K39" s="196">
        <v>1.734704910430206E-2</v>
      </c>
      <c r="L39" s="92">
        <v>4.3515083861591095E-3</v>
      </c>
      <c r="M39" s="51">
        <v>3689</v>
      </c>
      <c r="N39" s="82">
        <v>4.8840167198156124</v>
      </c>
      <c r="O39" s="83">
        <v>5.8626969043232585E-2</v>
      </c>
      <c r="P39" s="196">
        <v>0.17348384769875286</v>
      </c>
      <c r="Q39" s="92">
        <v>1.2472250413822907E-2</v>
      </c>
      <c r="R39" s="196">
        <v>0.14921803042090873</v>
      </c>
      <c r="S39" s="92">
        <v>1.1738573934670695E-2</v>
      </c>
      <c r="T39" s="196">
        <v>0.53991262578008392</v>
      </c>
      <c r="U39" s="92">
        <v>1.6403074458564502E-2</v>
      </c>
      <c r="V39" s="196">
        <v>0.13738549610025569</v>
      </c>
      <c r="W39" s="92">
        <v>1.1343319567714845E-2</v>
      </c>
      <c r="X39" s="51">
        <v>3696</v>
      </c>
      <c r="Y39" s="82">
        <v>5.0755890139435946</v>
      </c>
      <c r="Z39" s="83">
        <v>5.473836417165108E-2</v>
      </c>
      <c r="AA39" s="196">
        <v>0.15791539994932807</v>
      </c>
      <c r="AB39" s="92">
        <v>1.2001396761399264E-2</v>
      </c>
      <c r="AC39" s="196">
        <v>0.14181315814130563</v>
      </c>
      <c r="AD39" s="92">
        <v>1.1483451644735765E-2</v>
      </c>
      <c r="AE39" s="196">
        <v>0.63146629556715328</v>
      </c>
      <c r="AF39" s="92">
        <v>1.5862720615133673E-2</v>
      </c>
      <c r="AG39" s="196">
        <v>6.880514634221338E-2</v>
      </c>
      <c r="AH39" s="92">
        <v>8.3486713317167185E-3</v>
      </c>
      <c r="AI39" s="51">
        <v>3678</v>
      </c>
      <c r="AJ39" s="82">
        <v>5.4617472035240109</v>
      </c>
      <c r="AK39" s="83">
        <v>4.792711184259766E-2</v>
      </c>
      <c r="AL39" s="196">
        <v>9.0093261629132768E-2</v>
      </c>
      <c r="AM39" s="92">
        <v>9.4579510640699672E-3</v>
      </c>
      <c r="AN39" s="196">
        <v>0.12095607929861668</v>
      </c>
      <c r="AO39" s="92">
        <v>1.0763251619439602E-2</v>
      </c>
      <c r="AP39" s="196">
        <v>0.69102543868465216</v>
      </c>
      <c r="AQ39" s="92">
        <v>1.5232706003077566E-2</v>
      </c>
      <c r="AR39" s="196">
        <v>9.7925220387598488E-2</v>
      </c>
      <c r="AS39" s="92">
        <v>9.8156242146173727E-3</v>
      </c>
      <c r="AT39" s="51">
        <v>3662</v>
      </c>
      <c r="AU39" s="82">
        <v>5.2576190783384709</v>
      </c>
      <c r="AV39" s="83">
        <v>5.227008865809326E-2</v>
      </c>
      <c r="AW39" s="196">
        <v>8.73226548364118E-2</v>
      </c>
      <c r="AX39" s="92">
        <v>9.3468557777914296E-3</v>
      </c>
      <c r="AY39" s="196">
        <v>0.12853430904670382</v>
      </c>
      <c r="AZ39" s="92">
        <v>1.107008831767956E-2</v>
      </c>
      <c r="BA39" s="196">
        <v>0.58402156252046245</v>
      </c>
      <c r="BB39" s="92">
        <v>1.6281611134885458E-2</v>
      </c>
      <c r="BC39" s="196">
        <v>0.20012147359642266</v>
      </c>
      <c r="BD39" s="92">
        <v>1.3223868824163425E-2</v>
      </c>
    </row>
    <row r="40" spans="1:56">
      <c r="A40" s="47" t="s">
        <v>574</v>
      </c>
      <c r="B40" s="47">
        <v>4990</v>
      </c>
      <c r="C40" s="178">
        <v>5.6409564192660939</v>
      </c>
      <c r="D40" s="130">
        <v>4.0383648818921758E-2</v>
      </c>
      <c r="E40" s="197">
        <v>8.9323832605612552E-2</v>
      </c>
      <c r="F40" s="95">
        <v>8.0852065033131405E-3</v>
      </c>
      <c r="G40" s="197">
        <v>9.832398368782036E-2</v>
      </c>
      <c r="H40" s="95">
        <v>8.4390312349667904E-3</v>
      </c>
      <c r="I40" s="197">
        <v>0.79564536732670998</v>
      </c>
      <c r="J40" s="95">
        <v>1.1416804939070373E-2</v>
      </c>
      <c r="K40" s="197">
        <v>1.6706816379859209E-2</v>
      </c>
      <c r="L40" s="95">
        <v>3.6684492396769392E-3</v>
      </c>
      <c r="M40" s="47">
        <v>4969</v>
      </c>
      <c r="N40" s="178">
        <v>4.8569407965860067</v>
      </c>
      <c r="O40" s="130">
        <v>5.2471105471201977E-2</v>
      </c>
      <c r="P40" s="197">
        <v>0.17914923525400325</v>
      </c>
      <c r="Q40" s="95">
        <v>1.088189809890196E-2</v>
      </c>
      <c r="R40" s="197">
        <v>0.14483644531418416</v>
      </c>
      <c r="S40" s="95">
        <v>9.9894047804406135E-3</v>
      </c>
      <c r="T40" s="197">
        <v>0.5283272880449037</v>
      </c>
      <c r="U40" s="95">
        <v>1.4157735271122946E-2</v>
      </c>
      <c r="V40" s="197">
        <v>0.14768703138690994</v>
      </c>
      <c r="W40" s="95">
        <v>1.0070140869333591E-2</v>
      </c>
      <c r="X40" s="47">
        <v>4976</v>
      </c>
      <c r="Y40" s="178">
        <v>5.0277862159843663</v>
      </c>
      <c r="Z40" s="130">
        <v>4.8648121721839695E-2</v>
      </c>
      <c r="AA40" s="197">
        <v>0.17150629771163736</v>
      </c>
      <c r="AB40" s="95">
        <v>1.0689677650766737E-2</v>
      </c>
      <c r="AC40" s="197">
        <v>0.13682402275472069</v>
      </c>
      <c r="AD40" s="95">
        <v>9.7484426457969727E-3</v>
      </c>
      <c r="AE40" s="197">
        <v>0.61934279609667409</v>
      </c>
      <c r="AF40" s="95">
        <v>1.3761600952772811E-2</v>
      </c>
      <c r="AG40" s="197">
        <v>7.2326883436968789E-2</v>
      </c>
      <c r="AH40" s="95">
        <v>7.3571760738672136E-3</v>
      </c>
      <c r="AI40" s="47">
        <v>4957</v>
      </c>
      <c r="AJ40" s="178">
        <v>5.4740465741833466</v>
      </c>
      <c r="AK40" s="130">
        <v>4.1867098081521135E-2</v>
      </c>
      <c r="AL40" s="197">
        <v>8.9168227898892991E-2</v>
      </c>
      <c r="AM40" s="95">
        <v>8.105797142904601E-3</v>
      </c>
      <c r="AN40" s="197">
        <v>0.11824691419949224</v>
      </c>
      <c r="AO40" s="95">
        <v>9.1791502999691368E-3</v>
      </c>
      <c r="AP40" s="197">
        <v>0.68639533128601415</v>
      </c>
      <c r="AQ40" s="95">
        <v>1.317590001082489E-2</v>
      </c>
      <c r="AR40" s="197">
        <v>0.10618952661560126</v>
      </c>
      <c r="AS40" s="95">
        <v>8.7595163618744004E-3</v>
      </c>
      <c r="AT40" s="47">
        <v>4918</v>
      </c>
      <c r="AU40" s="178">
        <v>5.256150740401063</v>
      </c>
      <c r="AV40" s="130">
        <v>4.6442892905713865E-2</v>
      </c>
      <c r="AW40" s="197">
        <v>9.0174147335794222E-2</v>
      </c>
      <c r="AX40" s="95">
        <v>8.1790035435079823E-3</v>
      </c>
      <c r="AY40" s="197">
        <v>0.12182767070720152</v>
      </c>
      <c r="AZ40" s="95">
        <v>9.3345445125813734E-3</v>
      </c>
      <c r="BA40" s="197">
        <v>0.57110343842930877</v>
      </c>
      <c r="BB40" s="95">
        <v>1.4109126991270468E-2</v>
      </c>
      <c r="BC40" s="197">
        <v>0.21689474352769636</v>
      </c>
      <c r="BD40" s="95">
        <v>1.1753309882427201E-2</v>
      </c>
    </row>
    <row r="41" spans="1:56">
      <c r="A41" s="43" t="s">
        <v>575</v>
      </c>
      <c r="B41" s="51">
        <v>5157</v>
      </c>
      <c r="C41" s="82">
        <v>5.0518377450171679</v>
      </c>
      <c r="D41" s="83">
        <v>4.8909179921648352E-2</v>
      </c>
      <c r="E41" s="196">
        <v>0.20628332978246916</v>
      </c>
      <c r="F41" s="92">
        <v>1.1269511609126268E-2</v>
      </c>
      <c r="G41" s="196">
        <v>0.12378194298854492</v>
      </c>
      <c r="H41" s="92">
        <v>9.1777549627714422E-3</v>
      </c>
      <c r="I41" s="196">
        <v>0.66401361142853554</v>
      </c>
      <c r="J41" s="92">
        <v>1.3150823982504112E-2</v>
      </c>
      <c r="K41" s="196">
        <v>5.9211158004488403E-3</v>
      </c>
      <c r="L41" s="92">
        <v>2.2034317263280412E-3</v>
      </c>
      <c r="M41" s="51">
        <v>5146</v>
      </c>
      <c r="N41" s="82">
        <v>3.8697725339442877</v>
      </c>
      <c r="O41" s="83">
        <v>5.9669857011092148E-2</v>
      </c>
      <c r="P41" s="196">
        <v>0.37594649353049348</v>
      </c>
      <c r="Q41" s="92">
        <v>1.3499647572957105E-2</v>
      </c>
      <c r="R41" s="196">
        <v>0.12869282288545056</v>
      </c>
      <c r="S41" s="92">
        <v>9.3412151771725994E-3</v>
      </c>
      <c r="T41" s="196">
        <v>0.34309100474323112</v>
      </c>
      <c r="U41" s="92">
        <v>1.3231847362012994E-2</v>
      </c>
      <c r="V41" s="196">
        <v>0.15226967884082479</v>
      </c>
      <c r="W41" s="92">
        <v>1.0020227389875317E-2</v>
      </c>
      <c r="X41" s="51">
        <v>5148</v>
      </c>
      <c r="Y41" s="82">
        <v>3.9333522484857948</v>
      </c>
      <c r="Z41" s="83">
        <v>5.6122863765533652E-2</v>
      </c>
      <c r="AA41" s="196">
        <v>0.41727679204877921</v>
      </c>
      <c r="AB41" s="92">
        <v>1.374025608216815E-2</v>
      </c>
      <c r="AC41" s="196">
        <v>0.13259829899887615</v>
      </c>
      <c r="AD41" s="92">
        <v>9.4583719871568061E-3</v>
      </c>
      <c r="AE41" s="196">
        <v>0.39770965805488617</v>
      </c>
      <c r="AF41" s="92">
        <v>1.3637752651205943E-2</v>
      </c>
      <c r="AG41" s="196">
        <v>5.2415250897459423E-2</v>
      </c>
      <c r="AH41" s="92">
        <v>6.2292416959524206E-3</v>
      </c>
      <c r="AI41" s="51">
        <v>5140</v>
      </c>
      <c r="AJ41" s="82">
        <v>5.4981349571414437</v>
      </c>
      <c r="AK41" s="83">
        <v>4.1944846491321595E-2</v>
      </c>
      <c r="AL41" s="196">
        <v>8.7023013639164939E-2</v>
      </c>
      <c r="AM41" s="92">
        <v>7.8731756460909477E-3</v>
      </c>
      <c r="AN41" s="196">
        <v>0.10784910774820246</v>
      </c>
      <c r="AO41" s="92">
        <v>8.6605570075106199E-3</v>
      </c>
      <c r="AP41" s="196">
        <v>0.67695152195770802</v>
      </c>
      <c r="AQ41" s="92">
        <v>1.3041888382815557E-2</v>
      </c>
      <c r="AR41" s="196">
        <v>0.12817635665492505</v>
      </c>
      <c r="AS41" s="92">
        <v>9.3307176283180041E-3</v>
      </c>
      <c r="AT41" s="51">
        <v>4505</v>
      </c>
      <c r="AU41" s="82">
        <v>4.9333466724090291</v>
      </c>
      <c r="AV41" s="83">
        <v>5.840567700289382E-2</v>
      </c>
      <c r="AW41" s="196">
        <v>0.11828174671702529</v>
      </c>
      <c r="AX41" s="92">
        <v>9.6305485945930597E-3</v>
      </c>
      <c r="AY41" s="196">
        <v>0.12403318012027149</v>
      </c>
      <c r="AZ41" s="92">
        <v>9.8288583607076332E-3</v>
      </c>
      <c r="BA41" s="196">
        <v>0.43658533345341788</v>
      </c>
      <c r="BB41" s="92">
        <v>1.4772187752768751E-2</v>
      </c>
      <c r="BC41" s="196">
        <v>0.32109973970928463</v>
      </c>
      <c r="BD41" s="92">
        <v>1.3908150255790425E-2</v>
      </c>
    </row>
    <row r="42" spans="1:56">
      <c r="A42" s="47" t="s">
        <v>576</v>
      </c>
      <c r="B42" s="47">
        <v>3146</v>
      </c>
      <c r="C42" s="178">
        <v>4.5102396554410618</v>
      </c>
      <c r="D42" s="130">
        <v>6.8590406321404798E-2</v>
      </c>
      <c r="E42" s="197">
        <v>0.32256035542547701</v>
      </c>
      <c r="F42" s="95">
        <v>1.6660764030220356E-2</v>
      </c>
      <c r="G42" s="197">
        <v>0.12197365288840073</v>
      </c>
      <c r="H42" s="95">
        <v>1.1681420931482903E-2</v>
      </c>
      <c r="I42" s="197">
        <v>0.54752403472248479</v>
      </c>
      <c r="J42" s="95">
        <v>1.7736956251504066E-2</v>
      </c>
      <c r="K42" s="197">
        <v>7.9419569636312165E-3</v>
      </c>
      <c r="L42" s="95">
        <v>3.2840939682306416E-3</v>
      </c>
      <c r="M42" s="47">
        <v>3133</v>
      </c>
      <c r="N42" s="178">
        <v>3.3495725536638434</v>
      </c>
      <c r="O42" s="130">
        <v>7.1290254705090941E-2</v>
      </c>
      <c r="P42" s="197">
        <v>0.48640865411840467</v>
      </c>
      <c r="Q42" s="95">
        <v>1.7847715756761244E-2</v>
      </c>
      <c r="R42" s="197">
        <v>0.11855434835017042</v>
      </c>
      <c r="S42" s="95">
        <v>1.1563743335239246E-2</v>
      </c>
      <c r="T42" s="197">
        <v>0.2707723322507023</v>
      </c>
      <c r="U42" s="95">
        <v>1.5872804600197781E-2</v>
      </c>
      <c r="V42" s="197">
        <v>0.12426466528071645</v>
      </c>
      <c r="W42" s="95">
        <v>1.1799124112558986E-2</v>
      </c>
      <c r="X42" s="47">
        <v>3133</v>
      </c>
      <c r="Y42" s="178">
        <v>3.2961538729190165</v>
      </c>
      <c r="Z42" s="130">
        <v>6.8178402035167868E-2</v>
      </c>
      <c r="AA42" s="197">
        <v>0.56113826204058015</v>
      </c>
      <c r="AB42" s="95">
        <v>1.7720661790296046E-2</v>
      </c>
      <c r="AC42" s="197">
        <v>0.13290659650940131</v>
      </c>
      <c r="AD42" s="95">
        <v>1.2140179733173235E-2</v>
      </c>
      <c r="AE42" s="197">
        <v>0.27085938617810523</v>
      </c>
      <c r="AF42" s="95">
        <v>1.5874403181087789E-2</v>
      </c>
      <c r="AG42" s="197">
        <v>3.5095755271905754E-2</v>
      </c>
      <c r="AH42" s="95">
        <v>6.6243899083091905E-3</v>
      </c>
      <c r="AI42" s="47">
        <v>3132</v>
      </c>
      <c r="AJ42" s="178">
        <v>5.2528534442800137</v>
      </c>
      <c r="AK42" s="130">
        <v>5.9104883561294466E-2</v>
      </c>
      <c r="AL42" s="197">
        <v>0.13286864529112916</v>
      </c>
      <c r="AM42" s="95">
        <v>1.2140661014139289E-2</v>
      </c>
      <c r="AN42" s="197">
        <v>0.10046234495533168</v>
      </c>
      <c r="AO42" s="95">
        <v>1.0760413960539391E-2</v>
      </c>
      <c r="AP42" s="197">
        <v>0.66361060320749954</v>
      </c>
      <c r="AQ42" s="95">
        <v>1.6876646320967022E-2</v>
      </c>
      <c r="AR42" s="197">
        <v>0.10305840654603264</v>
      </c>
      <c r="AS42" s="95">
        <v>1.0881965311306663E-2</v>
      </c>
      <c r="AT42" s="47">
        <v>2544</v>
      </c>
      <c r="AU42" s="178">
        <v>4.5297787970377312</v>
      </c>
      <c r="AV42" s="130">
        <v>8.4376654207377971E-2</v>
      </c>
      <c r="AW42" s="197">
        <v>0.19699234638502211</v>
      </c>
      <c r="AX42" s="95">
        <v>1.5772838190490798E-2</v>
      </c>
      <c r="AY42" s="197">
        <v>0.11921736990132466</v>
      </c>
      <c r="AZ42" s="95">
        <v>1.2866875187086627E-2</v>
      </c>
      <c r="BA42" s="197">
        <v>0.39776821828432601</v>
      </c>
      <c r="BB42" s="95">
        <v>1.9393530589398685E-2</v>
      </c>
      <c r="BC42" s="197">
        <v>0.28602206542932423</v>
      </c>
      <c r="BD42" s="95">
        <v>1.791121867321464E-2</v>
      </c>
    </row>
    <row r="43" spans="1:56">
      <c r="A43" s="43" t="s">
        <v>577</v>
      </c>
      <c r="B43" s="51">
        <v>416</v>
      </c>
      <c r="C43" s="82">
        <v>4.4819174089292853</v>
      </c>
      <c r="D43" s="83">
        <v>0.19055274036277492</v>
      </c>
      <c r="E43" s="196">
        <v>0.32411151081529577</v>
      </c>
      <c r="F43" s="92">
        <v>4.573731465537894E-2</v>
      </c>
      <c r="G43" s="196">
        <v>0.12152562304352241</v>
      </c>
      <c r="H43" s="92">
        <v>3.2289256469608313E-2</v>
      </c>
      <c r="I43" s="196">
        <v>0.55238344121487348</v>
      </c>
      <c r="J43" s="92">
        <v>4.8531579638961347E-2</v>
      </c>
      <c r="K43" s="196">
        <v>1.9794249263080806E-3</v>
      </c>
      <c r="L43" s="92">
        <v>7.9745346551730635E-3</v>
      </c>
      <c r="M43" s="51">
        <v>415</v>
      </c>
      <c r="N43" s="82">
        <v>3.2567109357433885</v>
      </c>
      <c r="O43" s="83">
        <v>0.19669951752906562</v>
      </c>
      <c r="P43" s="196">
        <v>0.54286382397827915</v>
      </c>
      <c r="Q43" s="92">
        <v>4.8676772798285708E-2</v>
      </c>
      <c r="R43" s="196">
        <v>0.11047955768310586</v>
      </c>
      <c r="S43" s="92">
        <v>3.1075689728314107E-2</v>
      </c>
      <c r="T43" s="196">
        <v>0.26813828137535323</v>
      </c>
      <c r="U43" s="92">
        <v>4.3395465721290043E-2</v>
      </c>
      <c r="V43" s="196">
        <v>7.8518336963261021E-2</v>
      </c>
      <c r="W43" s="92">
        <v>2.6887699244756418E-2</v>
      </c>
      <c r="X43" s="51">
        <v>414</v>
      </c>
      <c r="Y43" s="82">
        <v>2.9246068529023836</v>
      </c>
      <c r="Z43" s="83">
        <v>0.18357063210888222</v>
      </c>
      <c r="AA43" s="196">
        <v>0.6413165314537338</v>
      </c>
      <c r="AB43" s="92">
        <v>4.6956155573093288E-2</v>
      </c>
      <c r="AC43" s="196">
        <v>0.12177348504428238</v>
      </c>
      <c r="AD43" s="92">
        <v>3.2395507957871161E-2</v>
      </c>
      <c r="AE43" s="196">
        <v>0.19730217161953484</v>
      </c>
      <c r="AF43" s="92">
        <v>3.9143857048190095E-2</v>
      </c>
      <c r="AG43" s="196">
        <v>3.9607811882448316E-2</v>
      </c>
      <c r="AH43" s="92">
        <v>2.0065989804056401E-2</v>
      </c>
      <c r="AI43" s="51">
        <v>415</v>
      </c>
      <c r="AJ43" s="82">
        <v>4.7428757886997577</v>
      </c>
      <c r="AK43" s="83">
        <v>0.17690451269419405</v>
      </c>
      <c r="AL43" s="196">
        <v>0.21611189105980619</v>
      </c>
      <c r="AM43" s="92">
        <v>4.0396478360920272E-2</v>
      </c>
      <c r="AN43" s="196">
        <v>0.15174803733797926</v>
      </c>
      <c r="AO43" s="92">
        <v>3.536716587788364E-2</v>
      </c>
      <c r="AP43" s="196">
        <v>0.53789056825398296</v>
      </c>
      <c r="AQ43" s="92">
        <v>4.8715391444299323E-2</v>
      </c>
      <c r="AR43" s="196">
        <v>9.4249503348231067E-2</v>
      </c>
      <c r="AS43" s="92">
        <v>2.9065786641637802E-2</v>
      </c>
      <c r="AT43" s="51">
        <v>350</v>
      </c>
      <c r="AU43" s="82">
        <v>3.9709829743769927</v>
      </c>
      <c r="AV43" s="83">
        <v>0.23258709455943244</v>
      </c>
      <c r="AW43" s="196">
        <v>0.31452749081031228</v>
      </c>
      <c r="AX43" s="92">
        <v>4.9445851057177817E-2</v>
      </c>
      <c r="AY43" s="196">
        <v>0.12154577050455638</v>
      </c>
      <c r="AZ43" s="92">
        <v>3.5253864039578045E-2</v>
      </c>
      <c r="BA43" s="196">
        <v>0.33478621235110317</v>
      </c>
      <c r="BB43" s="92">
        <v>5.0233102841202457E-2</v>
      </c>
      <c r="BC43" s="196">
        <v>0.22914052633402776</v>
      </c>
      <c r="BD43" s="92">
        <v>4.488324355037928E-2</v>
      </c>
    </row>
    <row r="44" spans="1:56">
      <c r="A44" s="47" t="s">
        <v>578</v>
      </c>
      <c r="B44" s="47">
        <v>145</v>
      </c>
      <c r="C44" s="178">
        <v>4.5325280459259893</v>
      </c>
      <c r="D44" s="130">
        <v>0.29790792446200526</v>
      </c>
      <c r="E44" s="197">
        <v>0.30544548430788809</v>
      </c>
      <c r="F44" s="95">
        <v>7.5822745335071148E-2</v>
      </c>
      <c r="G44" s="197">
        <v>0.13551131037478056</v>
      </c>
      <c r="H44" s="95">
        <v>5.7739345757135407E-2</v>
      </c>
      <c r="I44" s="197">
        <v>0.55904320531733098</v>
      </c>
      <c r="J44" s="95">
        <v>8.1380465422106599E-2</v>
      </c>
      <c r="K44" s="197">
        <v>0</v>
      </c>
      <c r="L44" s="95">
        <v>1.8854901079065334E-2</v>
      </c>
      <c r="M44" s="47">
        <v>143</v>
      </c>
      <c r="N44" s="178">
        <v>3.2933780462047269</v>
      </c>
      <c r="O44" s="130">
        <v>0.34770765852514907</v>
      </c>
      <c r="P44" s="197">
        <v>0.48700797809946544</v>
      </c>
      <c r="Q44" s="95">
        <v>8.2452256790368994E-2</v>
      </c>
      <c r="R44" s="197">
        <v>7.9523798221550479E-2</v>
      </c>
      <c r="S44" s="95">
        <v>4.7435064590103895E-2</v>
      </c>
      <c r="T44" s="197">
        <v>0.30625324241718022</v>
      </c>
      <c r="U44" s="95">
        <v>7.6394478114501146E-2</v>
      </c>
      <c r="V44" s="197">
        <v>0.12721498126180333</v>
      </c>
      <c r="W44" s="95">
        <v>5.678251952662422E-2</v>
      </c>
      <c r="X44" s="47">
        <v>143</v>
      </c>
      <c r="Y44" s="178">
        <v>3.0029311374927077</v>
      </c>
      <c r="Z44" s="130">
        <v>0.33327973389200299</v>
      </c>
      <c r="AA44" s="197">
        <v>0.63710125663159067</v>
      </c>
      <c r="AB44" s="95">
        <v>7.9490260445946842E-2</v>
      </c>
      <c r="AC44" s="197">
        <v>5.2180586716380567E-2</v>
      </c>
      <c r="AD44" s="95">
        <v>4.0481169838622877E-2</v>
      </c>
      <c r="AE44" s="197">
        <v>0.28531552974746449</v>
      </c>
      <c r="AF44" s="95">
        <v>7.4939380488766055E-2</v>
      </c>
      <c r="AG44" s="197">
        <v>2.5402626904563998E-2</v>
      </c>
      <c r="AH44" s="95">
        <v>3.166519616648341E-2</v>
      </c>
      <c r="AI44" s="47">
        <v>143</v>
      </c>
      <c r="AJ44" s="178">
        <v>4.6478629980438972</v>
      </c>
      <c r="AK44" s="130">
        <v>0.314737024100612</v>
      </c>
      <c r="AL44" s="197">
        <v>0.25023945346677229</v>
      </c>
      <c r="AM44" s="95">
        <v>7.2086178378807667E-2</v>
      </c>
      <c r="AN44" s="197">
        <v>0.12059647022532907</v>
      </c>
      <c r="AO44" s="95">
        <v>5.5642256491284355E-2</v>
      </c>
      <c r="AP44" s="197">
        <v>0.51818351418906983</v>
      </c>
      <c r="AQ44" s="95">
        <v>8.2426980098353184E-2</v>
      </c>
      <c r="AR44" s="197">
        <v>0.1109805621188282</v>
      </c>
      <c r="AS44" s="95">
        <v>5.3905385061256417E-2</v>
      </c>
      <c r="AT44" s="47">
        <v>109</v>
      </c>
      <c r="AU44" s="178">
        <v>3.7845744505109979</v>
      </c>
      <c r="AV44" s="130">
        <v>0.44066098840621959</v>
      </c>
      <c r="AW44" s="197">
        <v>0.33437376666007218</v>
      </c>
      <c r="AX44" s="95">
        <v>8.9140570999533236E-2</v>
      </c>
      <c r="AY44" s="197">
        <v>8.9654422671673964E-2</v>
      </c>
      <c r="AZ44" s="95">
        <v>5.7476881709953888E-2</v>
      </c>
      <c r="BA44" s="197">
        <v>0.40865296076474983</v>
      </c>
      <c r="BB44" s="95">
        <v>9.2599816194129603E-2</v>
      </c>
      <c r="BC44" s="197">
        <v>0.16731884990350349</v>
      </c>
      <c r="BD44" s="95">
        <v>7.2140495304136354E-2</v>
      </c>
    </row>
    <row r="45" spans="1:56">
      <c r="A45" s="43" t="s">
        <v>581</v>
      </c>
      <c r="B45" s="51">
        <v>9864</v>
      </c>
      <c r="C45" s="82">
        <v>5.4476933223443744</v>
      </c>
      <c r="D45" s="83">
        <v>3.4028007774933353E-2</v>
      </c>
      <c r="E45" s="196">
        <v>0.12731060036443043</v>
      </c>
      <c r="F45" s="92">
        <v>6.7142496456017754E-3</v>
      </c>
      <c r="G45" s="196">
        <v>0.10475702068883873</v>
      </c>
      <c r="H45" s="92">
        <v>6.1697907733082253E-3</v>
      </c>
      <c r="I45" s="196">
        <v>0.7532440435431641</v>
      </c>
      <c r="J45" s="92">
        <v>8.6811612287030233E-3</v>
      </c>
      <c r="K45" s="196">
        <v>1.4688335403584479E-2</v>
      </c>
      <c r="L45" s="92">
        <v>2.4380023882134404E-3</v>
      </c>
      <c r="M45" s="51">
        <v>9832</v>
      </c>
      <c r="N45" s="82">
        <v>4.5680976380436062</v>
      </c>
      <c r="O45" s="83">
        <v>4.2052337629539416E-2</v>
      </c>
      <c r="P45" s="196">
        <v>0.23620910177410928</v>
      </c>
      <c r="Q45" s="92">
        <v>8.5669135520668217E-3</v>
      </c>
      <c r="R45" s="196">
        <v>0.14027157811961055</v>
      </c>
      <c r="S45" s="92">
        <v>7.0060884117804437E-3</v>
      </c>
      <c r="T45" s="196">
        <v>0.47766357752324973</v>
      </c>
      <c r="U45" s="92">
        <v>1.0072964591985567E-2</v>
      </c>
      <c r="V45" s="196">
        <v>0.14585574258305301</v>
      </c>
      <c r="W45" s="92">
        <v>7.1207511005165437E-3</v>
      </c>
      <c r="X45" s="51">
        <v>9835</v>
      </c>
      <c r="Y45" s="82">
        <v>4.6867452443258104</v>
      </c>
      <c r="Z45" s="83">
        <v>3.9939420670154824E-2</v>
      </c>
      <c r="AA45" s="196">
        <v>0.24669253436643745</v>
      </c>
      <c r="AB45" s="92">
        <v>8.6931984878827299E-3</v>
      </c>
      <c r="AC45" s="196">
        <v>0.1351422094278347</v>
      </c>
      <c r="AD45" s="92">
        <v>6.8964141858659008E-3</v>
      </c>
      <c r="AE45" s="196">
        <v>0.55235802126072853</v>
      </c>
      <c r="AF45" s="92">
        <v>1.0026104075685573E-2</v>
      </c>
      <c r="AG45" s="196">
        <v>6.5807234945019888E-2</v>
      </c>
      <c r="AH45" s="92">
        <v>5.0055319825047526E-3</v>
      </c>
      <c r="AI45" s="51">
        <v>9811</v>
      </c>
      <c r="AJ45" s="82">
        <v>5.4477959150008646</v>
      </c>
      <c r="AK45" s="83">
        <v>3.1339594370606891E-2</v>
      </c>
      <c r="AL45" s="196">
        <v>9.4007095998327947E-2</v>
      </c>
      <c r="AM45" s="92">
        <v>5.8961667329605338E-3</v>
      </c>
      <c r="AN45" s="196">
        <v>0.11541171293504573</v>
      </c>
      <c r="AO45" s="92">
        <v>6.4541134891257304E-3</v>
      </c>
      <c r="AP45" s="196">
        <v>0.6814130641486742</v>
      </c>
      <c r="AQ45" s="92">
        <v>9.4065610362357079E-3</v>
      </c>
      <c r="AR45" s="196">
        <v>0.1091681269179718</v>
      </c>
      <c r="AS45" s="92">
        <v>6.2995338048144299E-3</v>
      </c>
      <c r="AT45" s="51">
        <v>9144</v>
      </c>
      <c r="AU45" s="82">
        <v>5.140597118105239</v>
      </c>
      <c r="AV45" s="83">
        <v>3.9270337044774485E-2</v>
      </c>
      <c r="AW45" s="196">
        <v>0.10481843902252706</v>
      </c>
      <c r="AX45" s="92">
        <v>6.4099860123677408E-3</v>
      </c>
      <c r="AY45" s="196">
        <v>0.12356773966270775</v>
      </c>
      <c r="AZ45" s="92">
        <v>6.8853641971629732E-3</v>
      </c>
      <c r="BA45" s="196">
        <v>0.53473796128862561</v>
      </c>
      <c r="BB45" s="92">
        <v>1.0430068392647126E-2</v>
      </c>
      <c r="BC45" s="196">
        <v>0.23687586002616356</v>
      </c>
      <c r="BD45" s="92">
        <v>8.8919624341541759E-3</v>
      </c>
    </row>
    <row r="46" spans="1:56">
      <c r="A46" s="47" t="s">
        <v>580</v>
      </c>
      <c r="B46" s="47">
        <v>4034</v>
      </c>
      <c r="C46" s="178">
        <v>4.8768964694246986</v>
      </c>
      <c r="D46" s="130">
        <v>5.8964150580709494E-2</v>
      </c>
      <c r="E46" s="197">
        <v>0.24390947654514739</v>
      </c>
      <c r="F46" s="95">
        <v>1.3520754681183151E-2</v>
      </c>
      <c r="G46" s="197">
        <v>0.12038882881032313</v>
      </c>
      <c r="H46" s="95">
        <v>1.0255802757774228E-2</v>
      </c>
      <c r="I46" s="197">
        <v>0.63020807190567418</v>
      </c>
      <c r="J46" s="95">
        <v>1.5194933808120085E-2</v>
      </c>
      <c r="K46" s="197">
        <v>5.4936227388547665E-3</v>
      </c>
      <c r="L46" s="95">
        <v>2.4272829178034294E-3</v>
      </c>
      <c r="M46" s="47">
        <v>4017</v>
      </c>
      <c r="N46" s="178">
        <v>3.6847662372299879</v>
      </c>
      <c r="O46" s="130">
        <v>6.6595765323244419E-2</v>
      </c>
      <c r="P46" s="197">
        <v>0.41415808340791693</v>
      </c>
      <c r="Q46" s="95">
        <v>1.5536363191331908E-2</v>
      </c>
      <c r="R46" s="197">
        <v>0.12439300589060508</v>
      </c>
      <c r="S46" s="95">
        <v>1.0422553834546853E-2</v>
      </c>
      <c r="T46" s="197">
        <v>0.31566405120366825</v>
      </c>
      <c r="U46" s="95">
        <v>1.4661490123087886E-2</v>
      </c>
      <c r="V46" s="197">
        <v>0.1457848594978095</v>
      </c>
      <c r="W46" s="95">
        <v>1.1141339983345266E-2</v>
      </c>
      <c r="X46" s="47">
        <v>4022</v>
      </c>
      <c r="Y46" s="178">
        <v>3.7866515714581124</v>
      </c>
      <c r="Z46" s="130">
        <v>6.3935982892823054E-2</v>
      </c>
      <c r="AA46" s="197">
        <v>0.43864829607751937</v>
      </c>
      <c r="AB46" s="95">
        <v>1.5641393747604183E-2</v>
      </c>
      <c r="AC46" s="197">
        <v>0.13310764749841852</v>
      </c>
      <c r="AD46" s="95">
        <v>1.0719628368386358E-2</v>
      </c>
      <c r="AE46" s="197">
        <v>0.37573109160916007</v>
      </c>
      <c r="AF46" s="95">
        <v>1.5266726405772358E-2</v>
      </c>
      <c r="AG46" s="197">
        <v>5.2512964814901232E-2</v>
      </c>
      <c r="AH46" s="95">
        <v>7.058977900548196E-3</v>
      </c>
      <c r="AI46" s="47">
        <v>4021</v>
      </c>
      <c r="AJ46" s="178">
        <v>5.3903172437544438</v>
      </c>
      <c r="AK46" s="130">
        <v>4.9841071934466172E-2</v>
      </c>
      <c r="AL46" s="197">
        <v>0.10558158898070462</v>
      </c>
      <c r="AM46" s="95">
        <v>9.7033342635993985E-3</v>
      </c>
      <c r="AN46" s="197">
        <v>0.11102761859612426</v>
      </c>
      <c r="AO46" s="95">
        <v>9.9189789400918171E-3</v>
      </c>
      <c r="AP46" s="197">
        <v>0.6625532537865122</v>
      </c>
      <c r="AQ46" s="95">
        <v>1.4907713871824969E-2</v>
      </c>
      <c r="AR46" s="197">
        <v>0.12083753863665855</v>
      </c>
      <c r="AS46" s="95">
        <v>1.0288819397010051E-2</v>
      </c>
      <c r="AT46" s="47">
        <v>3312</v>
      </c>
      <c r="AU46" s="178">
        <v>4.7822727577575508</v>
      </c>
      <c r="AV46" s="130">
        <v>7.1047965723217296E-2</v>
      </c>
      <c r="AW46" s="197">
        <v>0.15606919805169883</v>
      </c>
      <c r="AX46" s="95">
        <v>1.2618404592049421E-2</v>
      </c>
      <c r="AY46" s="197">
        <v>0.10688781535890442</v>
      </c>
      <c r="AZ46" s="95">
        <v>1.075191308369762E-2</v>
      </c>
      <c r="BA46" s="197">
        <v>0.4269002296842872</v>
      </c>
      <c r="BB46" s="95">
        <v>1.7179577582578199E-2</v>
      </c>
      <c r="BC46" s="197">
        <v>0.31014275690510557</v>
      </c>
      <c r="BD46" s="95">
        <v>1.606835282244919E-2</v>
      </c>
    </row>
    <row r="47" spans="1:56">
      <c r="A47" s="43" t="s">
        <v>583</v>
      </c>
      <c r="B47" s="194">
        <v>924</v>
      </c>
      <c r="C47" s="82">
        <v>4.8508286352707231</v>
      </c>
      <c r="D47" s="83">
        <v>0.12686425559977652</v>
      </c>
      <c r="E47" s="196">
        <v>0.25439805510952551</v>
      </c>
      <c r="F47" s="92">
        <v>2.8632523607635529E-2</v>
      </c>
      <c r="G47" s="196">
        <v>0.11900164439766296</v>
      </c>
      <c r="H47" s="92">
        <v>2.1384103548800784E-2</v>
      </c>
      <c r="I47" s="196">
        <v>0.62120476842635564</v>
      </c>
      <c r="J47" s="92">
        <v>3.1856072760602247E-2</v>
      </c>
      <c r="K47" s="196">
        <v>5.3955320664542247E-3</v>
      </c>
      <c r="L47" s="92">
        <v>5.6746507582720674E-3</v>
      </c>
      <c r="M47" s="194">
        <v>922</v>
      </c>
      <c r="N47" s="82">
        <v>3.6894858980762648</v>
      </c>
      <c r="O47" s="83">
        <v>0.14203654446111069</v>
      </c>
      <c r="P47" s="196">
        <v>0.42666553524601902</v>
      </c>
      <c r="Q47" s="92">
        <v>3.2509737211995238E-2</v>
      </c>
      <c r="R47" s="196">
        <v>0.12310089919612935</v>
      </c>
      <c r="S47" s="92">
        <v>2.1715980951786628E-2</v>
      </c>
      <c r="T47" s="196">
        <v>0.31965785725635248</v>
      </c>
      <c r="U47" s="92">
        <v>3.0669779091838816E-2</v>
      </c>
      <c r="V47" s="196">
        <v>0.1305757083014977</v>
      </c>
      <c r="W47" s="92">
        <v>2.2259241278770433E-2</v>
      </c>
      <c r="X47" s="194">
        <v>921</v>
      </c>
      <c r="Y47" s="82">
        <v>3.6878612475585442</v>
      </c>
      <c r="Z47" s="83">
        <v>0.13672340706291866</v>
      </c>
      <c r="AA47" s="196">
        <v>0.47950810197145749</v>
      </c>
      <c r="AB47" s="92">
        <v>3.2852410729598151E-2</v>
      </c>
      <c r="AC47" s="196">
        <v>0.12620332906434106</v>
      </c>
      <c r="AD47" s="92">
        <v>2.1956404899626292E-2</v>
      </c>
      <c r="AE47" s="196">
        <v>0.36338298946259817</v>
      </c>
      <c r="AF47" s="92">
        <v>3.1639651044564544E-2</v>
      </c>
      <c r="AG47" s="196">
        <v>3.090557950160213E-2</v>
      </c>
      <c r="AH47" s="92">
        <v>1.1735728076007104E-2</v>
      </c>
      <c r="AI47" s="194">
        <v>919</v>
      </c>
      <c r="AJ47" s="82">
        <v>5.3939584749628127</v>
      </c>
      <c r="AK47" s="83">
        <v>0.10568679001312704</v>
      </c>
      <c r="AL47" s="196">
        <v>0.11239989408854482</v>
      </c>
      <c r="AM47" s="92">
        <v>2.092813597670919E-2</v>
      </c>
      <c r="AN47" s="196">
        <v>0.10870970289340379</v>
      </c>
      <c r="AO47" s="92">
        <v>2.0631007315773865E-2</v>
      </c>
      <c r="AP47" s="196">
        <v>0.69213117140097624</v>
      </c>
      <c r="AQ47" s="92">
        <v>3.0411042574502833E-2</v>
      </c>
      <c r="AR47" s="196">
        <v>8.6759231617074453E-2</v>
      </c>
      <c r="AS47" s="92">
        <v>1.8702086170715351E-2</v>
      </c>
      <c r="AT47" s="194">
        <v>730</v>
      </c>
      <c r="AU47" s="82">
        <v>4.6629355217451938</v>
      </c>
      <c r="AV47" s="83">
        <v>0.15548226612425814</v>
      </c>
      <c r="AW47" s="196">
        <v>0.19263758500982284</v>
      </c>
      <c r="AX47" s="92">
        <v>2.9208934846059947E-2</v>
      </c>
      <c r="AY47" s="196">
        <v>9.2786306798163187E-2</v>
      </c>
      <c r="AZ47" s="92">
        <v>2.1646077922789306E-2</v>
      </c>
      <c r="BA47" s="196">
        <v>0.4533225038875669</v>
      </c>
      <c r="BB47" s="92">
        <v>3.675123632583488E-2</v>
      </c>
      <c r="BC47" s="196">
        <v>0.261253604304446</v>
      </c>
      <c r="BD47" s="92">
        <v>3.2483046715245129E-2</v>
      </c>
    </row>
    <row r="48" spans="1:56">
      <c r="A48" s="47" t="s">
        <v>582</v>
      </c>
      <c r="B48" s="195">
        <v>3110</v>
      </c>
      <c r="C48" s="178">
        <v>4.886283122432828</v>
      </c>
      <c r="D48" s="130">
        <v>6.6555344586126539E-2</v>
      </c>
      <c r="E48" s="197">
        <v>0.24013319649710069</v>
      </c>
      <c r="F48" s="95">
        <v>1.5316931096013918E-2</v>
      </c>
      <c r="G48" s="197">
        <v>0.12088826701239552</v>
      </c>
      <c r="H48" s="95">
        <v>1.1704085014296544E-2</v>
      </c>
      <c r="I48" s="197">
        <v>0.63344959744574414</v>
      </c>
      <c r="J48" s="95">
        <v>1.7271749466435567E-2</v>
      </c>
      <c r="K48" s="197">
        <v>5.5289390447595156E-3</v>
      </c>
      <c r="L48" s="95">
        <v>2.8051932892719077E-3</v>
      </c>
      <c r="M48" s="195">
        <v>3095</v>
      </c>
      <c r="N48" s="178">
        <v>3.6830229602799269</v>
      </c>
      <c r="O48" s="130">
        <v>7.5333310200624073E-2</v>
      </c>
      <c r="P48" s="197">
        <v>0.40964822618434349</v>
      </c>
      <c r="Q48" s="95">
        <v>1.7668476060298029E-2</v>
      </c>
      <c r="R48" s="197">
        <v>0.12485890548271521</v>
      </c>
      <c r="S48" s="95">
        <v>1.1895653581097563E-2</v>
      </c>
      <c r="T48" s="197">
        <v>0.31422399008575247</v>
      </c>
      <c r="U48" s="95">
        <v>1.6680909454045177E-2</v>
      </c>
      <c r="V48" s="197">
        <v>0.15126887824718854</v>
      </c>
      <c r="W48" s="95">
        <v>1.2888698427283079E-2</v>
      </c>
      <c r="X48" s="195">
        <v>3101</v>
      </c>
      <c r="Y48" s="178">
        <v>3.8232260671212224</v>
      </c>
      <c r="Z48" s="130">
        <v>7.2289229597970239E-2</v>
      </c>
      <c r="AA48" s="197">
        <v>0.42397940871068612</v>
      </c>
      <c r="AB48" s="95">
        <v>1.7737965686700049E-2</v>
      </c>
      <c r="AC48" s="197">
        <v>0.13558633449260368</v>
      </c>
      <c r="AD48" s="95">
        <v>1.2305536552043399E-2</v>
      </c>
      <c r="AE48" s="197">
        <v>0.38016412587398835</v>
      </c>
      <c r="AF48" s="95">
        <v>1.7424374046478446E-2</v>
      </c>
      <c r="AG48" s="197">
        <v>6.0270130922720905E-2</v>
      </c>
      <c r="AH48" s="95">
        <v>8.5793083237802725E-3</v>
      </c>
      <c r="AI48" s="195">
        <v>3102</v>
      </c>
      <c r="AJ48" s="178">
        <v>5.3889430734583668</v>
      </c>
      <c r="AK48" s="130">
        <v>5.6479587440615535E-2</v>
      </c>
      <c r="AL48" s="197">
        <v>0.10313883789039192</v>
      </c>
      <c r="AM48" s="95">
        <v>1.0938369767748988E-2</v>
      </c>
      <c r="AN48" s="197">
        <v>0.11185804360945489</v>
      </c>
      <c r="AO48" s="95">
        <v>1.1333134172092056E-2</v>
      </c>
      <c r="AP48" s="197">
        <v>0.65195656012743408</v>
      </c>
      <c r="AQ48" s="95">
        <v>1.7096696305710202E-2</v>
      </c>
      <c r="AR48" s="197">
        <v>0.13304655837271714</v>
      </c>
      <c r="AS48" s="95">
        <v>1.2206200772317363E-2</v>
      </c>
      <c r="AT48" s="195">
        <v>2582</v>
      </c>
      <c r="AU48" s="178">
        <v>4.8283992319109874</v>
      </c>
      <c r="AV48" s="130">
        <v>7.9659418139868016E-2</v>
      </c>
      <c r="AW48" s="197">
        <v>0.1431993142439513</v>
      </c>
      <c r="AX48" s="95">
        <v>1.3798169493754401E-2</v>
      </c>
      <c r="AY48" s="197">
        <v>0.11185070248046491</v>
      </c>
      <c r="AZ48" s="95">
        <v>1.2424923240118884E-2</v>
      </c>
      <c r="BA48" s="197">
        <v>0.41760117038145184</v>
      </c>
      <c r="BB48" s="95">
        <v>1.9396598385718077E-2</v>
      </c>
      <c r="BC48" s="197">
        <v>0.32734881289413009</v>
      </c>
      <c r="BD48" s="95">
        <v>1.8458947200093601E-2</v>
      </c>
    </row>
    <row r="49" spans="1:56">
      <c r="A49" s="43" t="s">
        <v>568</v>
      </c>
      <c r="B49" s="52">
        <v>8277</v>
      </c>
      <c r="C49" s="82">
        <v>5.3377732795275303</v>
      </c>
      <c r="D49" s="83">
        <v>3.981799452828097E-2</v>
      </c>
      <c r="E49" s="196">
        <v>0.15317968836998674</v>
      </c>
      <c r="F49" s="92">
        <v>7.9191618585955342E-3</v>
      </c>
      <c r="G49" s="196">
        <v>0.10815259802845546</v>
      </c>
      <c r="H49" s="92">
        <v>6.8310263395262184E-3</v>
      </c>
      <c r="I49" s="196">
        <v>0.72345695593153347</v>
      </c>
      <c r="J49" s="92">
        <v>9.8317009266240089E-3</v>
      </c>
      <c r="K49" s="196">
        <v>1.5210757670018202E-2</v>
      </c>
      <c r="L49" s="92">
        <v>2.7102012528230648E-3</v>
      </c>
      <c r="M49" s="52">
        <v>8252</v>
      </c>
      <c r="N49" s="82">
        <v>4.3273985675288964</v>
      </c>
      <c r="O49" s="83">
        <v>4.7156918480821167E-2</v>
      </c>
      <c r="P49" s="196">
        <v>0.29386126158106674</v>
      </c>
      <c r="Q49" s="92">
        <v>1.0027771179113945E-2</v>
      </c>
      <c r="R49" s="196">
        <v>0.14241518057909228</v>
      </c>
      <c r="S49" s="92">
        <v>7.6962996036048408E-3</v>
      </c>
      <c r="T49" s="196">
        <v>0.42976413939535008</v>
      </c>
      <c r="U49" s="92">
        <v>1.0896618288969147E-2</v>
      </c>
      <c r="V49" s="196">
        <v>0.1339594184444815</v>
      </c>
      <c r="W49" s="92">
        <v>7.5014240351871765E-3</v>
      </c>
      <c r="X49" s="52">
        <v>8258</v>
      </c>
      <c r="Y49" s="82">
        <v>4.4275682342870768</v>
      </c>
      <c r="Z49" s="83">
        <v>4.4941205102902559E-2</v>
      </c>
      <c r="AA49" s="196">
        <v>0.30803456105982724</v>
      </c>
      <c r="AB49" s="92">
        <v>1.0159343976540103E-2</v>
      </c>
      <c r="AC49" s="196">
        <v>0.13621224681014549</v>
      </c>
      <c r="AD49" s="92">
        <v>7.5515363010843902E-3</v>
      </c>
      <c r="AE49" s="196">
        <v>0.49234712429268401</v>
      </c>
      <c r="AF49" s="92">
        <v>1.1000351883391744E-2</v>
      </c>
      <c r="AG49" s="196">
        <v>6.3406067837333283E-2</v>
      </c>
      <c r="AH49" s="92">
        <v>5.3703446769675089E-3</v>
      </c>
      <c r="AI49" s="52">
        <v>8239</v>
      </c>
      <c r="AJ49" s="82">
        <v>5.4259160036054883</v>
      </c>
      <c r="AK49" s="83">
        <v>3.554519214754031E-2</v>
      </c>
      <c r="AL49" s="196">
        <v>9.8864979890758042E-2</v>
      </c>
      <c r="AM49" s="92">
        <v>6.5808763312113069E-3</v>
      </c>
      <c r="AN49" s="196">
        <v>0.11744125377678588</v>
      </c>
      <c r="AO49" s="92">
        <v>7.0968690583501836E-3</v>
      </c>
      <c r="AP49" s="196">
        <v>0.67241622388468147</v>
      </c>
      <c r="AQ49" s="92">
        <v>1.0339417273490782E-2</v>
      </c>
      <c r="AR49" s="196">
        <v>0.11127754244776444</v>
      </c>
      <c r="AS49" s="92">
        <v>6.9325957391484982E-3</v>
      </c>
      <c r="AT49" s="52">
        <v>7988</v>
      </c>
      <c r="AU49" s="82">
        <v>5.0802564053098296</v>
      </c>
      <c r="AV49" s="83">
        <v>4.4139910900136636E-2</v>
      </c>
      <c r="AW49" s="196">
        <v>0.11985519047148842</v>
      </c>
      <c r="AX49" s="92">
        <v>7.271185687430683E-3</v>
      </c>
      <c r="AY49" s="196">
        <v>0.11269986410265005</v>
      </c>
      <c r="AZ49" s="92">
        <v>7.0798646764227754E-3</v>
      </c>
      <c r="BA49" s="196">
        <v>0.51287629185429939</v>
      </c>
      <c r="BB49" s="92">
        <v>1.1182228120613751E-2</v>
      </c>
      <c r="BC49" s="196">
        <v>0.25456865357155201</v>
      </c>
      <c r="BD49" s="92">
        <v>9.7471470106222594E-3</v>
      </c>
    </row>
    <row r="50" spans="1:56">
      <c r="A50" s="47" t="s">
        <v>569</v>
      </c>
      <c r="B50" s="195">
        <v>5524</v>
      </c>
      <c r="C50" s="178">
        <v>5.4614941385378897</v>
      </c>
      <c r="D50" s="130">
        <v>4.4554904840478825E-2</v>
      </c>
      <c r="E50" s="197">
        <v>0.12104746468692498</v>
      </c>
      <c r="F50" s="95">
        <v>8.7827420410082641E-3</v>
      </c>
      <c r="G50" s="197">
        <v>0.10452398264901873</v>
      </c>
      <c r="H50" s="95">
        <v>8.2395826570128942E-3</v>
      </c>
      <c r="I50" s="197">
        <v>0.76270108893143596</v>
      </c>
      <c r="J50" s="95">
        <v>1.1446976300230899E-2</v>
      </c>
      <c r="K50" s="197">
        <v>1.1727463732633827E-2</v>
      </c>
      <c r="L50" s="95">
        <v>2.9386918475115546E-3</v>
      </c>
      <c r="M50" s="195">
        <v>5502</v>
      </c>
      <c r="N50" s="178">
        <v>4.6753231858699813</v>
      </c>
      <c r="O50" s="130">
        <v>5.4829599769126734E-2</v>
      </c>
      <c r="P50" s="197">
        <v>0.20801072342781826</v>
      </c>
      <c r="Q50" s="95">
        <v>1.0944037332390411E-2</v>
      </c>
      <c r="R50" s="197">
        <v>0.13549242759306745</v>
      </c>
      <c r="S50" s="95">
        <v>9.2323287477918525E-3</v>
      </c>
      <c r="T50" s="197">
        <v>0.50043378381734438</v>
      </c>
      <c r="U50" s="95">
        <v>1.3476643289467337E-2</v>
      </c>
      <c r="V50" s="197">
        <v>0.15606306516178908</v>
      </c>
      <c r="W50" s="95">
        <v>9.7881369931314202E-3</v>
      </c>
      <c r="X50" s="195">
        <v>5503</v>
      </c>
      <c r="Y50" s="178">
        <v>4.8026150552699391</v>
      </c>
      <c r="Z50" s="130">
        <v>5.2033565785033244E-2</v>
      </c>
      <c r="AA50" s="197">
        <v>0.21611433989144607</v>
      </c>
      <c r="AB50" s="95">
        <v>1.1096616282670764E-2</v>
      </c>
      <c r="AC50" s="197">
        <v>0.13495252116720791</v>
      </c>
      <c r="AD50" s="95">
        <v>9.2160026047100937E-3</v>
      </c>
      <c r="AE50" s="197">
        <v>0.58458088789875218</v>
      </c>
      <c r="AF50" s="95">
        <v>1.3281504979268064E-2</v>
      </c>
      <c r="AG50" s="197">
        <v>6.4352251042614259E-2</v>
      </c>
      <c r="AH50" s="95">
        <v>6.6283007186657651E-3</v>
      </c>
      <c r="AI50" s="195">
        <v>5498</v>
      </c>
      <c r="AJ50" s="178">
        <v>5.4745790994267187</v>
      </c>
      <c r="AK50" s="130">
        <v>3.9793685896444886E-2</v>
      </c>
      <c r="AL50" s="197">
        <v>8.9421062847380828E-2</v>
      </c>
      <c r="AM50" s="95">
        <v>7.7055007911276414E-3</v>
      </c>
      <c r="AN50" s="197">
        <v>0.11322265530080436</v>
      </c>
      <c r="AO50" s="95">
        <v>8.5529004811332205E-3</v>
      </c>
      <c r="AP50" s="197">
        <v>0.68983256130134196</v>
      </c>
      <c r="AQ50" s="95">
        <v>1.2473628369143395E-2</v>
      </c>
      <c r="AR50" s="197">
        <v>0.10752372055049016</v>
      </c>
      <c r="AS50" s="95">
        <v>8.3623092867744133E-3</v>
      </c>
      <c r="AT50" s="195">
        <v>4376</v>
      </c>
      <c r="AU50" s="178">
        <v>5.1601125602318199</v>
      </c>
      <c r="AV50" s="130">
        <v>5.5064520029504765E-2</v>
      </c>
      <c r="AW50" s="197">
        <v>9.6356051593000924E-2</v>
      </c>
      <c r="AX50" s="95">
        <v>8.9324718396417493E-3</v>
      </c>
      <c r="AY50" s="197">
        <v>0.13190297428545669</v>
      </c>
      <c r="AZ50" s="95">
        <v>1.0237006325884541E-2</v>
      </c>
      <c r="BA50" s="197">
        <v>0.54305598980140291</v>
      </c>
      <c r="BB50" s="95">
        <v>1.5053923354738914E-2</v>
      </c>
      <c r="BC50" s="197">
        <v>0.22868498432015413</v>
      </c>
      <c r="BD50" s="95">
        <v>1.269676375257899E-2</v>
      </c>
    </row>
    <row r="51" spans="1:56">
      <c r="A51" s="55" t="s">
        <v>570</v>
      </c>
      <c r="B51" s="194">
        <v>1777</v>
      </c>
      <c r="C51" s="82">
        <v>5.2339593448589472</v>
      </c>
      <c r="D51" s="83">
        <v>8.0122011122674336E-2</v>
      </c>
      <c r="E51" s="196">
        <v>0.1391418839881598</v>
      </c>
      <c r="F51" s="92">
        <v>1.6441800899996691E-2</v>
      </c>
      <c r="G51" s="196">
        <v>0.14929105820435543</v>
      </c>
      <c r="H51" s="92">
        <v>1.692571222951126E-2</v>
      </c>
      <c r="I51" s="196">
        <v>0.67803472569405143</v>
      </c>
      <c r="J51" s="92">
        <v>2.2149806535901921E-2</v>
      </c>
      <c r="K51" s="196">
        <v>3.3532332113431422E-2</v>
      </c>
      <c r="L51" s="92">
        <v>8.659016921925446E-3</v>
      </c>
      <c r="M51" s="194">
        <v>1774</v>
      </c>
      <c r="N51" s="82">
        <v>4.5681400741563625</v>
      </c>
      <c r="O51" s="83">
        <v>8.9862940509690042E-2</v>
      </c>
      <c r="P51" s="196">
        <v>0.24827336910327402</v>
      </c>
      <c r="Q51" s="92">
        <v>2.0506439235706022E-2</v>
      </c>
      <c r="R51" s="196">
        <v>0.18407581865326392</v>
      </c>
      <c r="S51" s="92">
        <v>1.8409202395751924E-2</v>
      </c>
      <c r="T51" s="196">
        <v>0.48627402491301824</v>
      </c>
      <c r="U51" s="92">
        <v>2.3706702614229469E-2</v>
      </c>
      <c r="V51" s="196">
        <v>8.1376787330445122E-2</v>
      </c>
      <c r="W51" s="92">
        <v>1.3036439762452908E-2</v>
      </c>
      <c r="X51" s="194">
        <v>1773</v>
      </c>
      <c r="Y51" s="82">
        <v>4.6144384930304865</v>
      </c>
      <c r="Z51" s="83">
        <v>9.048399850612153E-2</v>
      </c>
      <c r="AA51" s="196">
        <v>0.25079167799088159</v>
      </c>
      <c r="AB51" s="92">
        <v>2.0581008747219812E-2</v>
      </c>
      <c r="AC51" s="196">
        <v>0.15947226875426826</v>
      </c>
      <c r="AD51" s="92">
        <v>1.7403957609214985E-2</v>
      </c>
      <c r="AE51" s="196">
        <v>0.51990280845079928</v>
      </c>
      <c r="AF51" s="92">
        <v>2.370355557869604E-2</v>
      </c>
      <c r="AG51" s="196">
        <v>6.9833244804050759E-2</v>
      </c>
      <c r="AH51" s="92">
        <v>1.216919596569057E-2</v>
      </c>
      <c r="AI51" s="194">
        <v>1770</v>
      </c>
      <c r="AJ51" s="82">
        <v>5.1409460334865944</v>
      </c>
      <c r="AK51" s="83">
        <v>7.6256283828584223E-2</v>
      </c>
      <c r="AL51" s="196">
        <v>0.13361624817059578</v>
      </c>
      <c r="AM51" s="92">
        <v>1.6198293300183384E-2</v>
      </c>
      <c r="AN51" s="196">
        <v>0.14833799238272669</v>
      </c>
      <c r="AO51" s="92">
        <v>1.6914859847240993E-2</v>
      </c>
      <c r="AP51" s="196">
        <v>0.62400433425293567</v>
      </c>
      <c r="AQ51" s="92">
        <v>2.3003954912246032E-2</v>
      </c>
      <c r="AR51" s="196">
        <v>9.4041425193740147E-2</v>
      </c>
      <c r="AS51" s="92">
        <v>1.3920371678516801E-2</v>
      </c>
      <c r="AT51" s="194">
        <v>1767</v>
      </c>
      <c r="AU51" s="82">
        <v>5.0435168887895374</v>
      </c>
      <c r="AV51" s="83">
        <v>8.2846876822140744E-2</v>
      </c>
      <c r="AW51" s="196">
        <v>0.13122648192754069</v>
      </c>
      <c r="AX51" s="92">
        <v>1.6089789929809237E-2</v>
      </c>
      <c r="AY51" s="196">
        <v>0.1658145946761313</v>
      </c>
      <c r="AZ51" s="92">
        <v>1.7707328152608216E-2</v>
      </c>
      <c r="BA51" s="196">
        <v>0.56125301205027334</v>
      </c>
      <c r="BB51" s="92">
        <v>2.3584249435084397E-2</v>
      </c>
      <c r="BC51" s="196">
        <v>0.14170591134605393</v>
      </c>
      <c r="BD51" s="92">
        <v>1.6613627569408367E-2</v>
      </c>
    </row>
    <row r="52" spans="1:56">
      <c r="A52" s="47" t="s">
        <v>571</v>
      </c>
      <c r="B52" s="195">
        <v>3765</v>
      </c>
      <c r="C52" s="178">
        <v>5.2498492037726505</v>
      </c>
      <c r="D52" s="130">
        <v>5.8000334384361682E-2</v>
      </c>
      <c r="E52" s="197">
        <v>0.15322675698704663</v>
      </c>
      <c r="F52" s="95">
        <v>1.174611709601299E-2</v>
      </c>
      <c r="G52" s="197">
        <v>0.11360714829486436</v>
      </c>
      <c r="H52" s="95">
        <v>1.0354158199302327E-2</v>
      </c>
      <c r="I52" s="197">
        <v>0.72396475441131047</v>
      </c>
      <c r="J52" s="95">
        <v>1.4567113555477285E-2</v>
      </c>
      <c r="K52" s="197">
        <v>9.2013403067805633E-3</v>
      </c>
      <c r="L52" s="95">
        <v>3.1965254082720611E-3</v>
      </c>
      <c r="M52" s="195">
        <v>3762</v>
      </c>
      <c r="N52" s="178">
        <v>4.3825269610575956</v>
      </c>
      <c r="O52" s="130">
        <v>6.6421182837897691E-2</v>
      </c>
      <c r="P52" s="197">
        <v>0.27068030165147089</v>
      </c>
      <c r="Q52" s="95">
        <v>1.4484380097920805E-2</v>
      </c>
      <c r="R52" s="197">
        <v>0.14862590162338724</v>
      </c>
      <c r="S52" s="95">
        <v>1.1605041025402937E-2</v>
      </c>
      <c r="T52" s="197">
        <v>0.46315497988636017</v>
      </c>
      <c r="U52" s="95">
        <v>1.6250996187462972E-2</v>
      </c>
      <c r="V52" s="197">
        <v>0.11753881683878051</v>
      </c>
      <c r="W52" s="95">
        <v>1.0511810075438761E-2</v>
      </c>
      <c r="X52" s="195">
        <v>3757</v>
      </c>
      <c r="Y52" s="178">
        <v>4.3833714186668331</v>
      </c>
      <c r="Z52" s="130">
        <v>6.4207312841164918E-2</v>
      </c>
      <c r="AA52" s="197">
        <v>0.28938214912346477</v>
      </c>
      <c r="AB52" s="95">
        <v>1.47921675035824E-2</v>
      </c>
      <c r="AC52" s="197">
        <v>0.15272414308162463</v>
      </c>
      <c r="AD52" s="95">
        <v>1.1742874599933961E-2</v>
      </c>
      <c r="AE52" s="197">
        <v>0.48680849803092657</v>
      </c>
      <c r="AF52" s="95">
        <v>1.6300369683635341E-2</v>
      </c>
      <c r="AG52" s="197">
        <v>7.1085209763982887E-2</v>
      </c>
      <c r="AH52" s="95">
        <v>8.4050105723798337E-3</v>
      </c>
      <c r="AI52" s="195">
        <v>3752</v>
      </c>
      <c r="AJ52" s="178">
        <v>5.2475909156772449</v>
      </c>
      <c r="AK52" s="130">
        <v>5.3571428849054747E-2</v>
      </c>
      <c r="AL52" s="197">
        <v>0.12340262517742233</v>
      </c>
      <c r="AM52" s="95">
        <v>1.0748174392095192E-2</v>
      </c>
      <c r="AN52" s="197">
        <v>0.1338881836710363</v>
      </c>
      <c r="AO52" s="95">
        <v>1.1126510215899492E-2</v>
      </c>
      <c r="AP52" s="197">
        <v>0.66502455618071366</v>
      </c>
      <c r="AQ52" s="95">
        <v>1.5404550641314751E-2</v>
      </c>
      <c r="AR52" s="197">
        <v>7.7684634970829947E-2</v>
      </c>
      <c r="AS52" s="95">
        <v>8.7583462679751162E-3</v>
      </c>
      <c r="AT52" s="195">
        <v>3663</v>
      </c>
      <c r="AU52" s="178">
        <v>5.0157372813298373</v>
      </c>
      <c r="AV52" s="130">
        <v>6.1205217674993796E-2</v>
      </c>
      <c r="AW52" s="197">
        <v>0.13489811039368413</v>
      </c>
      <c r="AX52" s="95">
        <v>1.1296691016250719E-2</v>
      </c>
      <c r="AY52" s="197">
        <v>0.13301022285645098</v>
      </c>
      <c r="AZ52" s="95">
        <v>1.1229910926749073E-2</v>
      </c>
      <c r="BA52" s="197">
        <v>0.55686916532908559</v>
      </c>
      <c r="BB52" s="95">
        <v>1.6406778573695362E-2</v>
      </c>
      <c r="BC52" s="197">
        <v>0.17522250142077911</v>
      </c>
      <c r="BD52" s="95">
        <v>1.2565598545507468E-2</v>
      </c>
    </row>
    <row r="53" spans="1:56">
      <c r="A53" s="55" t="s">
        <v>572</v>
      </c>
      <c r="B53" s="194">
        <v>4177</v>
      </c>
      <c r="C53" s="82">
        <v>5.2913731502577521</v>
      </c>
      <c r="D53" s="83">
        <v>5.5966206933733366E-2</v>
      </c>
      <c r="E53" s="196">
        <v>0.16232866083070474</v>
      </c>
      <c r="F53" s="92">
        <v>1.1414905010126805E-2</v>
      </c>
      <c r="G53" s="196">
        <v>0.10077750515671208</v>
      </c>
      <c r="H53" s="92">
        <v>9.3268385753139671E-3</v>
      </c>
      <c r="I53" s="196">
        <v>0.72649746549327365</v>
      </c>
      <c r="J53" s="92">
        <v>1.3790970761348147E-2</v>
      </c>
      <c r="K53" s="196">
        <v>1.0396368519313552E-2</v>
      </c>
      <c r="L53" s="92">
        <v>3.2064771372615776E-3</v>
      </c>
      <c r="M53" s="194">
        <v>4159</v>
      </c>
      <c r="N53" s="82">
        <v>4.2586065255690215</v>
      </c>
      <c r="O53" s="83">
        <v>6.6339558871335677E-2</v>
      </c>
      <c r="P53" s="196">
        <v>0.30443024159663884</v>
      </c>
      <c r="Q53" s="92">
        <v>1.4266464348980429E-2</v>
      </c>
      <c r="R53" s="196">
        <v>0.11863468207066921</v>
      </c>
      <c r="S53" s="92">
        <v>1.0036677863279928E-2</v>
      </c>
      <c r="T53" s="196">
        <v>0.41495528693412859</v>
      </c>
      <c r="U53" s="92">
        <v>1.5273353255111465E-2</v>
      </c>
      <c r="V53" s="196">
        <v>0.16197978939857127</v>
      </c>
      <c r="W53" s="92">
        <v>1.1429710817847495E-2</v>
      </c>
      <c r="X53" s="194">
        <v>4169</v>
      </c>
      <c r="Y53" s="82">
        <v>4.4151049897642487</v>
      </c>
      <c r="Z53" s="83">
        <v>6.2247200492050112E-2</v>
      </c>
      <c r="AA53" s="196">
        <v>0.30769410575881329</v>
      </c>
      <c r="AB53" s="92">
        <v>1.4291790148479389E-2</v>
      </c>
      <c r="AC53" s="196">
        <v>0.13193166466150319</v>
      </c>
      <c r="AD53" s="92">
        <v>1.0489358405726764E-2</v>
      </c>
      <c r="AE53" s="196">
        <v>0.50137300438170784</v>
      </c>
      <c r="AF53" s="92">
        <v>1.5480114667797843E-2</v>
      </c>
      <c r="AG53" s="196">
        <v>5.900122519798482E-2</v>
      </c>
      <c r="AH53" s="92">
        <v>7.3195349786267299E-3</v>
      </c>
      <c r="AI53" s="194">
        <v>4159</v>
      </c>
      <c r="AJ53" s="82">
        <v>5.5396237900653489</v>
      </c>
      <c r="AK53" s="83">
        <v>4.7375491357189707E-2</v>
      </c>
      <c r="AL53" s="196">
        <v>7.5293191288049885E-2</v>
      </c>
      <c r="AM53" s="92">
        <v>8.1994467226451078E-3</v>
      </c>
      <c r="AN53" s="196">
        <v>0.11144124895130371</v>
      </c>
      <c r="AO53" s="92">
        <v>9.7684993534482411E-3</v>
      </c>
      <c r="AP53" s="196">
        <v>0.67695586415768516</v>
      </c>
      <c r="AQ53" s="92">
        <v>1.4497650057496749E-2</v>
      </c>
      <c r="AR53" s="196">
        <v>0.13630969560296743</v>
      </c>
      <c r="AS53" s="92">
        <v>1.0647245977982514E-2</v>
      </c>
      <c r="AT53" s="194">
        <v>3711</v>
      </c>
      <c r="AU53" s="82">
        <v>5.0586830542509826</v>
      </c>
      <c r="AV53" s="83">
        <v>6.7591918675685841E-2</v>
      </c>
      <c r="AW53" s="196">
        <v>0.10387244576737645</v>
      </c>
      <c r="AX53" s="92">
        <v>1.0029334580563543E-2</v>
      </c>
      <c r="AY53" s="196">
        <v>0.10969383599252225</v>
      </c>
      <c r="AZ53" s="92">
        <v>1.0271625813364882E-2</v>
      </c>
      <c r="BA53" s="196">
        <v>0.46079377061802418</v>
      </c>
      <c r="BB53" s="92">
        <v>1.6356268381483529E-2</v>
      </c>
      <c r="BC53" s="196">
        <v>0.32563994762208337</v>
      </c>
      <c r="BD53" s="92">
        <v>1.5379068619391619E-2</v>
      </c>
    </row>
    <row r="54" spans="1:56">
      <c r="A54" s="47" t="s">
        <v>573</v>
      </c>
      <c r="B54" s="195">
        <v>4014</v>
      </c>
      <c r="C54" s="178">
        <v>5.9476291607338672</v>
      </c>
      <c r="D54" s="130">
        <v>5.0965595811010594E-2</v>
      </c>
      <c r="E54" s="197">
        <v>7.9273536439636222E-2</v>
      </c>
      <c r="F54" s="95">
        <v>8.5447612450331376E-3</v>
      </c>
      <c r="G54" s="197">
        <v>5.5259143269261839E-2</v>
      </c>
      <c r="H54" s="95">
        <v>7.2362666489585933E-3</v>
      </c>
      <c r="I54" s="197">
        <v>0.86093411154343835</v>
      </c>
      <c r="J54" s="95">
        <v>1.0929240610461341E-2</v>
      </c>
      <c r="K54" s="197">
        <v>4.5332087476614089E-3</v>
      </c>
      <c r="L54" s="95">
        <v>2.2313193697545987E-3</v>
      </c>
      <c r="M54" s="195">
        <v>3993</v>
      </c>
      <c r="N54" s="178">
        <v>4.944094323381603</v>
      </c>
      <c r="O54" s="130">
        <v>6.9292142078578534E-2</v>
      </c>
      <c r="P54" s="197">
        <v>0.16211940660617721</v>
      </c>
      <c r="Q54" s="95">
        <v>1.1669070813376627E-2</v>
      </c>
      <c r="R54" s="197">
        <v>9.876375149785481E-2</v>
      </c>
      <c r="S54" s="95">
        <v>9.4550824065362249E-3</v>
      </c>
      <c r="T54" s="197">
        <v>0.50383877807522193</v>
      </c>
      <c r="U54" s="95">
        <v>1.581685565954568E-2</v>
      </c>
      <c r="V54" s="197">
        <v>0.23527806382074004</v>
      </c>
      <c r="W54" s="95">
        <v>1.3423771271567828E-2</v>
      </c>
      <c r="X54" s="195">
        <v>3997</v>
      </c>
      <c r="Y54" s="178">
        <v>5.2214879170529223</v>
      </c>
      <c r="Z54" s="130">
        <v>6.2214528262781073E-2</v>
      </c>
      <c r="AA54" s="197">
        <v>0.17793628523811833</v>
      </c>
      <c r="AB54" s="95">
        <v>1.2101472917462058E-2</v>
      </c>
      <c r="AC54" s="197">
        <v>8.6001063901532962E-2</v>
      </c>
      <c r="AD54" s="95">
        <v>8.884125294105448E-3</v>
      </c>
      <c r="AE54" s="197">
        <v>0.68517519706602503</v>
      </c>
      <c r="AF54" s="95">
        <v>1.4687571055131753E-2</v>
      </c>
      <c r="AG54" s="197">
        <v>5.0887453794315335E-2</v>
      </c>
      <c r="AH54" s="95">
        <v>6.977739631089469E-3</v>
      </c>
      <c r="AI54" s="195">
        <v>3992</v>
      </c>
      <c r="AJ54" s="178">
        <v>6.0640049861825247</v>
      </c>
      <c r="AK54" s="130">
        <v>4.1968065527726077E-2</v>
      </c>
      <c r="AL54" s="197">
        <v>2.5599531755056026E-2</v>
      </c>
      <c r="AM54" s="95">
        <v>5.0418203404568231E-3</v>
      </c>
      <c r="AN54" s="197">
        <v>5.2441960918341364E-2</v>
      </c>
      <c r="AO54" s="95">
        <v>7.0811553520022845E-3</v>
      </c>
      <c r="AP54" s="197">
        <v>0.77010827124299164</v>
      </c>
      <c r="AQ54" s="95">
        <v>1.3317840538071959E-2</v>
      </c>
      <c r="AR54" s="197">
        <v>0.15185023608360737</v>
      </c>
      <c r="AS54" s="95">
        <v>1.1365009593149457E-2</v>
      </c>
      <c r="AT54" s="195">
        <v>3179</v>
      </c>
      <c r="AU54" s="178">
        <v>5.5578720639774808</v>
      </c>
      <c r="AV54" s="130">
        <v>6.619245200436906E-2</v>
      </c>
      <c r="AW54" s="197">
        <v>4.4250852696525123E-2</v>
      </c>
      <c r="AX54" s="95">
        <v>7.3351120231048578E-3</v>
      </c>
      <c r="AY54" s="197">
        <v>6.7283885988419778E-2</v>
      </c>
      <c r="AZ54" s="95">
        <v>8.9138070557700285E-3</v>
      </c>
      <c r="BA54" s="197">
        <v>0.52250948377002482</v>
      </c>
      <c r="BB54" s="95">
        <v>1.7706888308129269E-2</v>
      </c>
      <c r="BC54" s="197">
        <v>0.36595577754502906</v>
      </c>
      <c r="BD54" s="95">
        <v>1.7077645217919313E-2</v>
      </c>
    </row>
    <row r="55" spans="1:56">
      <c r="A55" s="55" t="s">
        <v>579</v>
      </c>
      <c r="B55" s="194">
        <v>9683</v>
      </c>
      <c r="C55" s="82">
        <v>5.3457419587249557</v>
      </c>
      <c r="D55" s="83">
        <v>3.6293152475418623E-2</v>
      </c>
      <c r="E55" s="196">
        <v>0.14935502438910153</v>
      </c>
      <c r="F55" s="92">
        <v>7.2459090547042429E-3</v>
      </c>
      <c r="G55" s="196">
        <v>0.10340802063035748</v>
      </c>
      <c r="H55" s="92">
        <v>6.1917559724283359E-3</v>
      </c>
      <c r="I55" s="196">
        <v>0.73422846496325378</v>
      </c>
      <c r="J55" s="92">
        <v>8.9775036364429569E-3</v>
      </c>
      <c r="K55" s="196">
        <v>1.3008490017309365E-2</v>
      </c>
      <c r="L55" s="92">
        <v>2.3200231857483738E-3</v>
      </c>
      <c r="M55" s="194">
        <v>9654</v>
      </c>
      <c r="N55" s="82">
        <v>4.3803099988167666</v>
      </c>
      <c r="O55" s="83">
        <v>4.3074790406934023E-2</v>
      </c>
      <c r="P55" s="196">
        <v>0.27494401758991116</v>
      </c>
      <c r="Q55" s="92">
        <v>9.087407199246559E-3</v>
      </c>
      <c r="R55" s="196">
        <v>0.13899770183981586</v>
      </c>
      <c r="S55" s="92">
        <v>7.0434932099272853E-3</v>
      </c>
      <c r="T55" s="196">
        <v>0.44325610180377423</v>
      </c>
      <c r="U55" s="92">
        <v>1.0109829603831227E-2</v>
      </c>
      <c r="V55" s="196">
        <v>0.14280217876652279</v>
      </c>
      <c r="W55" s="92">
        <v>7.1233076763572937E-3</v>
      </c>
      <c r="X55" s="194">
        <v>9663</v>
      </c>
      <c r="Y55" s="82">
        <v>4.5082553743521245</v>
      </c>
      <c r="Z55" s="83">
        <v>4.1171635105267411E-2</v>
      </c>
      <c r="AA55" s="196">
        <v>0.28758003793382014</v>
      </c>
      <c r="AB55" s="92">
        <v>9.2081229683877493E-3</v>
      </c>
      <c r="AC55" s="196">
        <v>0.13664412471410473</v>
      </c>
      <c r="AD55" s="92">
        <v>6.989973331613321E-3</v>
      </c>
      <c r="AE55" s="196">
        <v>0.51439026602030646</v>
      </c>
      <c r="AF55" s="92">
        <v>1.0166567487487892E-2</v>
      </c>
      <c r="AG55" s="196">
        <v>6.138557133179319E-2</v>
      </c>
      <c r="AH55" s="92">
        <v>4.8894495357471287E-3</v>
      </c>
      <c r="AI55" s="194">
        <v>9643</v>
      </c>
      <c r="AJ55" s="82">
        <v>5.4386791966896535</v>
      </c>
      <c r="AK55" s="83">
        <v>3.2174192893515613E-2</v>
      </c>
      <c r="AL55" s="196">
        <v>9.9218163791678998E-2</v>
      </c>
      <c r="AM55" s="92">
        <v>6.0920377754349331E-3</v>
      </c>
      <c r="AN55" s="196">
        <v>0.11481754445206928</v>
      </c>
      <c r="AO55" s="92">
        <v>6.4955666122689278E-3</v>
      </c>
      <c r="AP55" s="196">
        <v>0.68108192130274248</v>
      </c>
      <c r="AQ55" s="92">
        <v>9.4907444465176273E-3</v>
      </c>
      <c r="AR55" s="196">
        <v>0.10488237045353006</v>
      </c>
      <c r="AS55" s="92">
        <v>6.2434457036854964E-3</v>
      </c>
      <c r="AT55" s="194">
        <v>9607</v>
      </c>
      <c r="AU55" s="82">
        <v>5.0630014634306511</v>
      </c>
      <c r="AV55" s="83">
        <v>3.9842287210726912E-2</v>
      </c>
      <c r="AW55" s="196">
        <v>0.11493233081008025</v>
      </c>
      <c r="AX55" s="92">
        <v>6.5105594354717992E-3</v>
      </c>
      <c r="AY55" s="196">
        <v>0.12139556462035653</v>
      </c>
      <c r="AZ55" s="92">
        <v>6.666325866496051E-3</v>
      </c>
      <c r="BA55" s="196">
        <v>0.51338114998121265</v>
      </c>
      <c r="BB55" s="92">
        <v>1.0196714506042297E-2</v>
      </c>
      <c r="BC55" s="196">
        <v>0.25029095458837552</v>
      </c>
      <c r="BD55" s="92">
        <v>8.8384213543007857E-3</v>
      </c>
    </row>
    <row r="56" spans="1:56">
      <c r="A56" s="47" t="s">
        <v>585</v>
      </c>
      <c r="B56" s="195">
        <v>1556</v>
      </c>
      <c r="C56" s="178">
        <v>5.5431417047366578</v>
      </c>
      <c r="D56" s="130">
        <v>8.3922450890622002E-2</v>
      </c>
      <c r="E56" s="197">
        <v>0.11394185477830863</v>
      </c>
      <c r="F56" s="95">
        <v>1.6150132244003378E-2</v>
      </c>
      <c r="G56" s="197">
        <v>9.7128661377268624E-2</v>
      </c>
      <c r="H56" s="95">
        <v>1.5066174745608764E-2</v>
      </c>
      <c r="I56" s="197">
        <v>0.77486015889736348</v>
      </c>
      <c r="J56" s="95">
        <v>2.1173206492637958E-2</v>
      </c>
      <c r="K56" s="197">
        <v>1.40693249470601E-2</v>
      </c>
      <c r="L56" s="95">
        <v>6.2184058042538395E-3</v>
      </c>
      <c r="M56" s="195">
        <v>1552</v>
      </c>
      <c r="N56" s="178">
        <v>4.6557223051628549</v>
      </c>
      <c r="O56" s="130">
        <v>0.11060911912942634</v>
      </c>
      <c r="P56" s="197">
        <v>0.21732337341163283</v>
      </c>
      <c r="Q56" s="95">
        <v>2.0935954785038683E-2</v>
      </c>
      <c r="R56" s="197">
        <v>0.1065999422327031</v>
      </c>
      <c r="S56" s="95">
        <v>1.5711986121755069E-2</v>
      </c>
      <c r="T56" s="197">
        <v>0.48636458554279999</v>
      </c>
      <c r="U56" s="95">
        <v>2.5341626249347562E-2</v>
      </c>
      <c r="V56" s="197">
        <v>0.18971209881286705</v>
      </c>
      <c r="W56" s="95">
        <v>1.9910841609121693E-2</v>
      </c>
      <c r="X56" s="195">
        <v>1552</v>
      </c>
      <c r="Y56" s="178">
        <v>4.8422006767274093</v>
      </c>
      <c r="Z56" s="130">
        <v>0.10183882613745086</v>
      </c>
      <c r="AA56" s="197">
        <v>0.22378951101547426</v>
      </c>
      <c r="AB56" s="95">
        <v>2.1155533080626232E-2</v>
      </c>
      <c r="AC56" s="197">
        <v>0.11546475969829979</v>
      </c>
      <c r="AD56" s="95">
        <v>1.6263567817295963E-2</v>
      </c>
      <c r="AE56" s="197">
        <v>0.58524586625814823</v>
      </c>
      <c r="AF56" s="95">
        <v>2.4981764866277647E-2</v>
      </c>
      <c r="AG56" s="197">
        <v>7.5499863028080066E-2</v>
      </c>
      <c r="AH56" s="95">
        <v>1.3483773252235483E-2</v>
      </c>
      <c r="AI56" s="195">
        <v>1549</v>
      </c>
      <c r="AJ56" s="178">
        <v>5.5299389146099616</v>
      </c>
      <c r="AK56" s="130">
        <v>8.0832766176307178E-2</v>
      </c>
      <c r="AL56" s="197">
        <v>7.0734903791777506E-2</v>
      </c>
      <c r="AM56" s="95">
        <v>1.3105101012548019E-2</v>
      </c>
      <c r="AN56" s="197">
        <v>0.10267095751780796</v>
      </c>
      <c r="AO56" s="95">
        <v>1.5472121489740604E-2</v>
      </c>
      <c r="AP56" s="197">
        <v>0.65763418034022481</v>
      </c>
      <c r="AQ56" s="95">
        <v>2.4088231415314382E-2</v>
      </c>
      <c r="AR56" s="197">
        <v>0.16895995835019206</v>
      </c>
      <c r="AS56" s="95">
        <v>1.9055366116828884E-2</v>
      </c>
      <c r="AT56" s="195">
        <v>1536</v>
      </c>
      <c r="AU56" s="178">
        <v>5.2037950782384588</v>
      </c>
      <c r="AV56" s="130">
        <v>9.7292816214549549E-2</v>
      </c>
      <c r="AW56" s="197">
        <v>8.4007660920215207E-2</v>
      </c>
      <c r="AX56" s="95">
        <v>1.4219811079223016E-2</v>
      </c>
      <c r="AY56" s="197">
        <v>0.10948811390754459</v>
      </c>
      <c r="AZ56" s="95">
        <v>1.5978202957124599E-2</v>
      </c>
      <c r="BA56" s="197">
        <v>0.49472893238408211</v>
      </c>
      <c r="BB56" s="95">
        <v>2.548095086769922E-2</v>
      </c>
      <c r="BC56" s="197">
        <v>0.31177529278816091</v>
      </c>
      <c r="BD56" s="95">
        <v>2.361791444997834E-2</v>
      </c>
    </row>
    <row r="57" spans="1:56">
      <c r="A57" s="55" t="s">
        <v>586</v>
      </c>
      <c r="B57" s="194">
        <v>915</v>
      </c>
      <c r="C57" s="82">
        <v>5.5621250000089466</v>
      </c>
      <c r="D57" s="83">
        <v>9.8070642149880358E-2</v>
      </c>
      <c r="E57" s="196">
        <v>8.7408007825274497E-2</v>
      </c>
      <c r="F57" s="92">
        <v>1.8805054922039266E-2</v>
      </c>
      <c r="G57" s="196">
        <v>0.12555892921220624</v>
      </c>
      <c r="H57" s="92">
        <v>2.1981467967858083E-2</v>
      </c>
      <c r="I57" s="196">
        <v>0.77460832404169144</v>
      </c>
      <c r="J57" s="92">
        <v>2.7618202989277668E-2</v>
      </c>
      <c r="K57" s="196">
        <v>1.2424738920828326E-2</v>
      </c>
      <c r="L57" s="92">
        <v>7.8990708095293179E-3</v>
      </c>
      <c r="M57" s="194">
        <v>913</v>
      </c>
      <c r="N57" s="82">
        <v>4.9397133708270511</v>
      </c>
      <c r="O57" s="83">
        <v>0.12627596441876493</v>
      </c>
      <c r="P57" s="196">
        <v>0.15916075535190047</v>
      </c>
      <c r="Q57" s="92">
        <v>2.42523888109419E-2</v>
      </c>
      <c r="R57" s="196">
        <v>0.16444693737424071</v>
      </c>
      <c r="S57" s="92">
        <v>2.456907093694638E-2</v>
      </c>
      <c r="T57" s="196">
        <v>0.54459522993552401</v>
      </c>
      <c r="U57" s="92">
        <v>3.2892447419676361E-2</v>
      </c>
      <c r="V57" s="196">
        <v>0.13179707733833543</v>
      </c>
      <c r="W57" s="92">
        <v>2.2456237241645624E-2</v>
      </c>
      <c r="X57" s="194">
        <v>913</v>
      </c>
      <c r="Y57" s="82">
        <v>4.9713777294956545</v>
      </c>
      <c r="Z57" s="83">
        <v>0.12377460324294028</v>
      </c>
      <c r="AA57" s="196">
        <v>0.16219023028577467</v>
      </c>
      <c r="AB57" s="92">
        <v>2.4434984190294239E-2</v>
      </c>
      <c r="AC57" s="196">
        <v>0.14858569615519085</v>
      </c>
      <c r="AD57" s="92">
        <v>2.3590748609199835E-2</v>
      </c>
      <c r="AE57" s="196">
        <v>0.61052985015967098</v>
      </c>
      <c r="AF57" s="92">
        <v>3.2213132970301712E-2</v>
      </c>
      <c r="AG57" s="196">
        <v>7.8694223399364022E-2</v>
      </c>
      <c r="AH57" s="92">
        <v>1.7972058826787457E-2</v>
      </c>
      <c r="AI57" s="194">
        <v>907</v>
      </c>
      <c r="AJ57" s="82">
        <v>5.4236603502667942</v>
      </c>
      <c r="AK57" s="83">
        <v>0.10017402931246289</v>
      </c>
      <c r="AL57" s="196">
        <v>9.0910028388980435E-2</v>
      </c>
      <c r="AM57" s="92">
        <v>1.921760569939945E-2</v>
      </c>
      <c r="AN57" s="196">
        <v>0.11268317893647384</v>
      </c>
      <c r="AO57" s="92">
        <v>2.1089964377041578E-2</v>
      </c>
      <c r="AP57" s="196">
        <v>0.70102792568700323</v>
      </c>
      <c r="AQ57" s="92">
        <v>3.0361298689322996E-2</v>
      </c>
      <c r="AR57" s="196">
        <v>9.5378866987543484E-2</v>
      </c>
      <c r="AS57" s="92">
        <v>1.9625056670273523E-2</v>
      </c>
      <c r="AT57" s="194">
        <v>905</v>
      </c>
      <c r="AU57" s="82">
        <v>5.398060613997453</v>
      </c>
      <c r="AV57" s="83">
        <v>0.10918321174083113</v>
      </c>
      <c r="AW57" s="196">
        <v>7.2960232674919523E-2</v>
      </c>
      <c r="AX57" s="92">
        <v>1.7455076450676569E-2</v>
      </c>
      <c r="AY57" s="196">
        <v>0.1319230088749446</v>
      </c>
      <c r="AZ57" s="92">
        <v>2.2564812342908792E-2</v>
      </c>
      <c r="BA57" s="196">
        <v>0.6364186960777688</v>
      </c>
      <c r="BB57" s="92">
        <v>3.1920787817224142E-2</v>
      </c>
      <c r="BC57" s="196">
        <v>0.15869806237236761</v>
      </c>
      <c r="BD57" s="92">
        <v>2.433140459483062E-2</v>
      </c>
    </row>
    <row r="58" spans="1:56">
      <c r="A58" s="47" t="s">
        <v>584</v>
      </c>
      <c r="B58" s="195">
        <v>310</v>
      </c>
      <c r="C58" s="178">
        <v>4.9952808467416903</v>
      </c>
      <c r="D58" s="130">
        <v>0.22474675895412805</v>
      </c>
      <c r="E58" s="197">
        <v>0.21789152674376905</v>
      </c>
      <c r="F58" s="95">
        <v>4.6867415993642116E-2</v>
      </c>
      <c r="G58" s="197">
        <v>0.12274085640659382</v>
      </c>
      <c r="H58" s="95">
        <v>3.765051209993988E-2</v>
      </c>
      <c r="I58" s="197">
        <v>0.64576086951387235</v>
      </c>
      <c r="J58" s="95">
        <v>5.4045466394226048E-2</v>
      </c>
      <c r="K58" s="197">
        <v>1.3606747335764819E-2</v>
      </c>
      <c r="L58" s="95">
        <v>1.5724818010617567E-2</v>
      </c>
      <c r="M58" s="195">
        <v>308</v>
      </c>
      <c r="N58" s="178">
        <v>4.3553011748104726</v>
      </c>
      <c r="O58" s="130">
        <v>0.23536617268720009</v>
      </c>
      <c r="P58" s="197">
        <v>0.3038957462307596</v>
      </c>
      <c r="Q58" s="95">
        <v>5.2198201471059823E-2</v>
      </c>
      <c r="R58" s="197">
        <v>0.19194223239842123</v>
      </c>
      <c r="S58" s="95">
        <v>4.4938438855961917E-2</v>
      </c>
      <c r="T58" s="197">
        <v>0.45071733071881276</v>
      </c>
      <c r="U58" s="95">
        <v>5.6345215225727517E-2</v>
      </c>
      <c r="V58" s="197">
        <v>5.3444690652006563E-2</v>
      </c>
      <c r="W58" s="95">
        <v>2.6715187837613549E-2</v>
      </c>
      <c r="X58" s="195">
        <v>309</v>
      </c>
      <c r="Y58" s="178">
        <v>4.3286880441140365</v>
      </c>
      <c r="Z58" s="130">
        <v>0.22732623981152925</v>
      </c>
      <c r="AA58" s="197">
        <v>0.31156849649681057</v>
      </c>
      <c r="AB58" s="95">
        <v>5.246575421168443E-2</v>
      </c>
      <c r="AC58" s="197">
        <v>0.16648729594553252</v>
      </c>
      <c r="AD58" s="95">
        <v>4.2538322232400588E-2</v>
      </c>
      <c r="AE58" s="197">
        <v>0.46254442854980304</v>
      </c>
      <c r="AF58" s="95">
        <v>5.6368562196699744E-2</v>
      </c>
      <c r="AG58" s="197">
        <v>5.9399779007853731E-2</v>
      </c>
      <c r="AH58" s="95">
        <v>2.7875004657102392E-2</v>
      </c>
      <c r="AI58" s="195">
        <v>307</v>
      </c>
      <c r="AJ58" s="178">
        <v>5.2100088336342401</v>
      </c>
      <c r="AK58" s="130">
        <v>0.20130490386233571</v>
      </c>
      <c r="AL58" s="197">
        <v>0.15677881718992631</v>
      </c>
      <c r="AM58" s="95">
        <v>4.1701739570080526E-2</v>
      </c>
      <c r="AN58" s="197">
        <v>8.3340301266786418E-2</v>
      </c>
      <c r="AO58" s="95">
        <v>3.2243388759564458E-2</v>
      </c>
      <c r="AP58" s="197">
        <v>0.6809586086998064</v>
      </c>
      <c r="AQ58" s="95">
        <v>5.2962512526762852E-2</v>
      </c>
      <c r="AR58" s="197">
        <v>7.8922272843480967E-2</v>
      </c>
      <c r="AS58" s="95">
        <v>3.1515862302007987E-2</v>
      </c>
      <c r="AT58" s="195">
        <v>292</v>
      </c>
      <c r="AU58" s="178">
        <v>4.6968764462317134</v>
      </c>
      <c r="AV58" s="130">
        <v>0.23213547480100452</v>
      </c>
      <c r="AW58" s="197">
        <v>0.19445389686421208</v>
      </c>
      <c r="AX58" s="95">
        <v>4.6375047283055373E-2</v>
      </c>
      <c r="AY58" s="197">
        <v>0.14459236553955926</v>
      </c>
      <c r="AZ58" s="95">
        <v>4.1439675167291967E-2</v>
      </c>
      <c r="BA58" s="197">
        <v>0.50054412970896744</v>
      </c>
      <c r="BB58" s="95">
        <v>5.8123785877569736E-2</v>
      </c>
      <c r="BC58" s="197">
        <v>0.16040960788726125</v>
      </c>
      <c r="BD58" s="95">
        <v>4.3148722546797053E-2</v>
      </c>
    </row>
    <row r="59" spans="1:56">
      <c r="A59" s="55" t="s">
        <v>587</v>
      </c>
      <c r="B59" s="194">
        <v>13117</v>
      </c>
      <c r="C59" s="82">
        <v>5.4068953438028746</v>
      </c>
      <c r="D59" s="83">
        <v>3.0536312405953298E-2</v>
      </c>
      <c r="E59" s="196">
        <v>0.13563642692883621</v>
      </c>
      <c r="F59" s="92">
        <v>5.980435032547411E-3</v>
      </c>
      <c r="G59" s="196">
        <v>0.10445508708488062</v>
      </c>
      <c r="H59" s="92">
        <v>5.3428908573307995E-3</v>
      </c>
      <c r="I59" s="196">
        <v>0.74647229618075439</v>
      </c>
      <c r="J59" s="92">
        <v>7.5964131097280927E-3</v>
      </c>
      <c r="K59" s="196">
        <v>1.343618980553438E-2</v>
      </c>
      <c r="L59" s="92">
        <v>2.0211504095875295E-3</v>
      </c>
      <c r="M59" s="194">
        <v>13075</v>
      </c>
      <c r="N59" s="82">
        <v>4.487937039906476</v>
      </c>
      <c r="O59" s="83">
        <v>3.6993082995247048E-2</v>
      </c>
      <c r="P59" s="196">
        <v>0.25187297639796374</v>
      </c>
      <c r="Q59" s="92">
        <v>7.5921463348260767E-3</v>
      </c>
      <c r="R59" s="196">
        <v>0.13600790980837485</v>
      </c>
      <c r="S59" s="92">
        <v>5.9969354221767E-3</v>
      </c>
      <c r="T59" s="196">
        <v>0.46169124042669485</v>
      </c>
      <c r="U59" s="92">
        <v>8.7183650750836568E-3</v>
      </c>
      <c r="V59" s="196">
        <v>0.1504278733669886</v>
      </c>
      <c r="W59" s="92">
        <v>6.2536555692289698E-3</v>
      </c>
      <c r="X59" s="194">
        <v>13083</v>
      </c>
      <c r="Y59" s="82">
        <v>4.6128698063824949</v>
      </c>
      <c r="Z59" s="83">
        <v>3.5157011223596393E-2</v>
      </c>
      <c r="AA59" s="196">
        <v>0.26294228677427645</v>
      </c>
      <c r="AB59" s="92">
        <v>7.697140089809892E-3</v>
      </c>
      <c r="AC59" s="196">
        <v>0.13461968443265973</v>
      </c>
      <c r="AD59" s="92">
        <v>5.9692501031397577E-3</v>
      </c>
      <c r="AE59" s="196">
        <v>0.53685034450600677</v>
      </c>
      <c r="AF59" s="92">
        <v>8.7176205177947105E-3</v>
      </c>
      <c r="AG59" s="196">
        <v>6.5587684287075773E-2</v>
      </c>
      <c r="AH59" s="92">
        <v>4.3321019044259756E-3</v>
      </c>
      <c r="AI59" s="194">
        <v>13061</v>
      </c>
      <c r="AJ59" s="82">
        <v>5.4567194834449371</v>
      </c>
      <c r="AK59" s="83">
        <v>2.7123625753938712E-2</v>
      </c>
      <c r="AL59" s="196">
        <v>9.2325558264403626E-2</v>
      </c>
      <c r="AM59" s="92">
        <v>5.0683291664111547E-3</v>
      </c>
      <c r="AN59" s="196">
        <v>0.11365195861271475</v>
      </c>
      <c r="AO59" s="92">
        <v>5.5560071564554805E-3</v>
      </c>
      <c r="AP59" s="196">
        <v>0.68146194972206819</v>
      </c>
      <c r="AQ59" s="92">
        <v>8.1526147244253416E-3</v>
      </c>
      <c r="AR59" s="196">
        <v>0.11256053340082954</v>
      </c>
      <c r="AS59" s="92">
        <v>5.5327037589957481E-3</v>
      </c>
      <c r="AT59" s="194">
        <v>11720</v>
      </c>
      <c r="AU59" s="82">
        <v>5.137458910971592</v>
      </c>
      <c r="AV59" s="83">
        <v>3.55245431965905E-2</v>
      </c>
      <c r="AW59" s="196">
        <v>0.10347325959727162</v>
      </c>
      <c r="AX59" s="92">
        <v>5.6290970390774787E-3</v>
      </c>
      <c r="AY59" s="196">
        <v>0.12054075041681923</v>
      </c>
      <c r="AZ59" s="92">
        <v>6.016833937425619E-3</v>
      </c>
      <c r="BA59" s="196">
        <v>0.52695684362087536</v>
      </c>
      <c r="BB59" s="92">
        <v>9.2221127817253556E-3</v>
      </c>
      <c r="BC59" s="196">
        <v>0.24902914636505652</v>
      </c>
      <c r="BD59" s="92">
        <v>7.9887459807684788E-3</v>
      </c>
    </row>
    <row r="61" spans="1:56" ht="18.75">
      <c r="A61" s="337" t="s">
        <v>411</v>
      </c>
      <c r="B61" s="337"/>
      <c r="C61" s="337"/>
      <c r="D61" s="337"/>
    </row>
    <row r="62" spans="1:56" ht="101.25" customHeight="1">
      <c r="A62" s="391" t="s">
        <v>413</v>
      </c>
      <c r="B62" s="391"/>
      <c r="C62" s="391"/>
      <c r="D62" s="391"/>
    </row>
    <row r="63" spans="1:56" ht="52.5" customHeight="1">
      <c r="A63" s="401" t="s">
        <v>412</v>
      </c>
      <c r="B63" s="343"/>
      <c r="C63" s="343"/>
      <c r="D63" s="343"/>
    </row>
    <row r="64" spans="1:56" ht="72">
      <c r="A64" s="35" t="s">
        <v>70</v>
      </c>
      <c r="B64" s="36" t="s">
        <v>71</v>
      </c>
      <c r="C64" s="37" t="s">
        <v>551</v>
      </c>
      <c r="D64" s="38" t="s">
        <v>72</v>
      </c>
    </row>
    <row r="65" spans="1:4" ht="72">
      <c r="A65" s="39"/>
      <c r="B65" s="40" t="s">
        <v>73</v>
      </c>
      <c r="C65" s="126" t="s">
        <v>303</v>
      </c>
      <c r="D65" s="42" t="s">
        <v>75</v>
      </c>
    </row>
    <row r="66" spans="1:4">
      <c r="A66" s="43" t="s">
        <v>348</v>
      </c>
      <c r="B66" s="164">
        <v>13378</v>
      </c>
      <c r="C66" s="165">
        <v>4.6058382743290247</v>
      </c>
      <c r="D66" s="84">
        <v>2.841324988712805E-2</v>
      </c>
    </row>
    <row r="67" spans="1:4">
      <c r="A67" s="47" t="s">
        <v>349</v>
      </c>
      <c r="B67" s="47">
        <v>9798</v>
      </c>
      <c r="C67" s="167">
        <v>3.8991512701747868</v>
      </c>
      <c r="D67" s="85">
        <v>3.1300090940843274E-2</v>
      </c>
    </row>
    <row r="68" spans="1:4">
      <c r="A68" s="43" t="s">
        <v>350</v>
      </c>
      <c r="B68" s="51">
        <v>3580</v>
      </c>
      <c r="C68" s="165">
        <v>5.1791687404784188</v>
      </c>
      <c r="D68" s="84">
        <v>4.3236509349918018E-2</v>
      </c>
    </row>
    <row r="69" spans="1:4">
      <c r="A69" s="47" t="s">
        <v>574</v>
      </c>
      <c r="B69" s="47">
        <v>4829</v>
      </c>
      <c r="C69" s="167">
        <v>5.0749525369288202</v>
      </c>
      <c r="D69" s="85">
        <v>3.9631394818573862E-2</v>
      </c>
    </row>
    <row r="70" spans="1:4">
      <c r="A70" s="43" t="s">
        <v>575</v>
      </c>
      <c r="B70" s="51">
        <v>4937</v>
      </c>
      <c r="C70" s="165">
        <v>3.6413652043206248</v>
      </c>
      <c r="D70" s="84">
        <v>4.3284246528591842E-2</v>
      </c>
    </row>
    <row r="71" spans="1:4">
      <c r="A71" s="47" t="s">
        <v>576</v>
      </c>
      <c r="B71" s="47">
        <v>3000</v>
      </c>
      <c r="C71" s="167">
        <v>3.4238575055242881</v>
      </c>
      <c r="D71" s="85">
        <v>5.3392661507380264E-2</v>
      </c>
    </row>
    <row r="72" spans="1:4">
      <c r="A72" s="43" t="s">
        <v>577</v>
      </c>
      <c r="B72" s="51">
        <v>395</v>
      </c>
      <c r="C72" s="165">
        <v>3.2175580498696417</v>
      </c>
      <c r="D72" s="84">
        <v>0.14360029496534657</v>
      </c>
    </row>
    <row r="73" spans="1:4">
      <c r="A73" s="47" t="s">
        <v>578</v>
      </c>
      <c r="B73" s="47">
        <v>137</v>
      </c>
      <c r="C73" s="167">
        <v>2.9865572936204656</v>
      </c>
      <c r="D73" s="85">
        <v>0.20152235870836119</v>
      </c>
    </row>
    <row r="74" spans="1:4">
      <c r="A74" s="43" t="s">
        <v>581</v>
      </c>
      <c r="B74" s="51">
        <v>9473</v>
      </c>
      <c r="C74" s="165">
        <v>4.6943466247325292</v>
      </c>
      <c r="D74" s="84">
        <v>3.3937840315424274E-2</v>
      </c>
    </row>
    <row r="75" spans="1:4">
      <c r="A75" s="47" t="s">
        <v>580</v>
      </c>
      <c r="B75" s="47">
        <v>3866</v>
      </c>
      <c r="C75" s="167">
        <v>3.762793140172684</v>
      </c>
      <c r="D75" s="85">
        <v>4.8282086238305544E-2</v>
      </c>
    </row>
    <row r="76" spans="1:4">
      <c r="A76" s="43" t="s">
        <v>583</v>
      </c>
      <c r="B76" s="164">
        <v>888</v>
      </c>
      <c r="C76" s="165">
        <v>3.43726906671463</v>
      </c>
      <c r="D76" s="84">
        <v>9.7433983784824277E-2</v>
      </c>
    </row>
    <row r="77" spans="1:4">
      <c r="A77" s="47" t="s">
        <v>582</v>
      </c>
      <c r="B77" s="166">
        <v>2978</v>
      </c>
      <c r="C77" s="167">
        <v>3.8811546850875915</v>
      </c>
      <c r="D77" s="85">
        <v>5.5215210844159895E-2</v>
      </c>
    </row>
    <row r="78" spans="1:4">
      <c r="A78" s="43" t="s">
        <v>568</v>
      </c>
      <c r="B78" s="81">
        <v>7927</v>
      </c>
      <c r="C78" s="165">
        <v>4.5079995669352062</v>
      </c>
      <c r="D78" s="84">
        <v>3.685733824871102E-2</v>
      </c>
    </row>
    <row r="79" spans="1:4">
      <c r="A79" s="47" t="s">
        <v>569</v>
      </c>
      <c r="B79" s="166">
        <v>5319</v>
      </c>
      <c r="C79" s="167">
        <v>4.7275702539410469</v>
      </c>
      <c r="D79" s="85">
        <v>4.5175388019589383E-2</v>
      </c>
    </row>
    <row r="80" spans="1:4">
      <c r="A80" s="55" t="s">
        <v>570</v>
      </c>
      <c r="B80" s="164">
        <v>1710</v>
      </c>
      <c r="C80" s="165">
        <v>4.8726074077807509</v>
      </c>
      <c r="D80" s="84">
        <v>7.649403022078359E-2</v>
      </c>
    </row>
    <row r="81" spans="1:43">
      <c r="A81" s="47" t="s">
        <v>571</v>
      </c>
      <c r="B81" s="166">
        <v>3624</v>
      </c>
      <c r="C81" s="167">
        <v>4.5801057869508526</v>
      </c>
      <c r="D81" s="85">
        <v>5.4041688206800435E-2</v>
      </c>
    </row>
    <row r="82" spans="1:43">
      <c r="A82" s="55" t="s">
        <v>572</v>
      </c>
      <c r="B82" s="164">
        <v>4022</v>
      </c>
      <c r="C82" s="165">
        <v>4.3194121917780173</v>
      </c>
      <c r="D82" s="84">
        <v>5.2016677024318878E-2</v>
      </c>
    </row>
    <row r="83" spans="1:43">
      <c r="A83" s="47" t="s">
        <v>573</v>
      </c>
      <c r="B83" s="166">
        <v>3826</v>
      </c>
      <c r="C83" s="167">
        <v>4.7728258854190235</v>
      </c>
      <c r="D83" s="85">
        <v>5.2054872618609187E-2</v>
      </c>
    </row>
    <row r="84" spans="1:43">
      <c r="A84" s="55" t="s">
        <v>579</v>
      </c>
      <c r="B84" s="164">
        <v>9314</v>
      </c>
      <c r="C84" s="165">
        <v>4.5035458698205648</v>
      </c>
      <c r="D84" s="84">
        <v>3.3721703617680496E-2</v>
      </c>
    </row>
    <row r="85" spans="1:43">
      <c r="A85" s="47" t="s">
        <v>585</v>
      </c>
      <c r="B85" s="166">
        <v>1498</v>
      </c>
      <c r="C85" s="167">
        <v>4.6974953294206374</v>
      </c>
      <c r="D85" s="85">
        <v>8.4873652783084591E-2</v>
      </c>
    </row>
    <row r="86" spans="1:43">
      <c r="A86" s="55" t="s">
        <v>586</v>
      </c>
      <c r="B86" s="164">
        <v>878</v>
      </c>
      <c r="C86" s="165">
        <v>5.1931755216953635</v>
      </c>
      <c r="D86" s="84">
        <v>0.1048781365888817</v>
      </c>
    </row>
    <row r="87" spans="1:43">
      <c r="A87" s="47" t="s">
        <v>584</v>
      </c>
      <c r="B87" s="166">
        <v>294</v>
      </c>
      <c r="C87" s="167">
        <v>4.4777397879387557</v>
      </c>
      <c r="D87" s="85">
        <v>0.20166090778640702</v>
      </c>
    </row>
    <row r="88" spans="1:43">
      <c r="A88" s="55" t="s">
        <v>587</v>
      </c>
      <c r="B88" s="164">
        <v>12595</v>
      </c>
      <c r="C88" s="165">
        <v>4.6062069638199628</v>
      </c>
      <c r="D88" s="84">
        <v>2.9188743426366945E-2</v>
      </c>
    </row>
    <row r="90" spans="1:43" ht="18.75">
      <c r="A90" s="337" t="s">
        <v>508</v>
      </c>
      <c r="B90" s="337"/>
      <c r="C90" s="337"/>
      <c r="D90" s="337"/>
      <c r="E90" s="337"/>
      <c r="F90" s="337"/>
      <c r="G90" s="337"/>
      <c r="H90" s="337"/>
      <c r="I90" s="337"/>
      <c r="J90" s="337"/>
      <c r="K90" s="337"/>
      <c r="L90" s="337"/>
      <c r="M90" s="337"/>
      <c r="N90" s="337"/>
      <c r="O90" s="337"/>
      <c r="P90" s="337"/>
      <c r="Q90" s="337"/>
      <c r="R90" s="337"/>
      <c r="S90" s="337"/>
      <c r="T90" s="337"/>
      <c r="U90" s="337"/>
      <c r="V90" s="337"/>
      <c r="W90" s="337"/>
      <c r="X90" s="295"/>
      <c r="Y90" s="295"/>
    </row>
    <row r="91" spans="1:43" ht="56.25" customHeight="1">
      <c r="A91" s="406" t="s">
        <v>555</v>
      </c>
      <c r="B91" s="406"/>
      <c r="C91" s="406"/>
      <c r="D91" s="406"/>
      <c r="E91" s="406"/>
      <c r="F91" s="406"/>
      <c r="G91" s="406"/>
      <c r="H91" s="406"/>
      <c r="I91" s="406"/>
      <c r="J91" s="406"/>
      <c r="K91" s="406"/>
      <c r="L91" s="406"/>
      <c r="M91" s="406"/>
      <c r="N91" s="406"/>
      <c r="O91" s="406"/>
      <c r="P91" s="406"/>
      <c r="Q91" s="406"/>
      <c r="R91" s="406"/>
      <c r="S91" s="406"/>
      <c r="T91" s="406"/>
      <c r="U91" s="406"/>
      <c r="V91" s="406"/>
      <c r="W91" s="406"/>
      <c r="X91" s="295"/>
      <c r="Y91" s="295"/>
    </row>
    <row r="92" spans="1:43" ht="36" customHeight="1">
      <c r="A92" s="62"/>
      <c r="B92" s="386" t="s">
        <v>414</v>
      </c>
      <c r="C92" s="387"/>
      <c r="D92" s="387"/>
      <c r="E92" s="387"/>
      <c r="F92" s="387"/>
      <c r="G92" s="387"/>
      <c r="H92" s="387"/>
      <c r="I92" s="387"/>
      <c r="J92" s="387"/>
      <c r="K92" s="387"/>
      <c r="L92" s="388"/>
      <c r="M92" s="386" t="s">
        <v>415</v>
      </c>
      <c r="N92" s="387"/>
      <c r="O92" s="387"/>
      <c r="P92" s="387"/>
      <c r="Q92" s="387"/>
      <c r="R92" s="387"/>
      <c r="S92" s="387"/>
      <c r="T92" s="387"/>
      <c r="U92" s="387"/>
      <c r="V92" s="387"/>
      <c r="W92" s="387"/>
      <c r="X92" s="298"/>
      <c r="Y92" s="298"/>
      <c r="Z92" s="298"/>
      <c r="AA92" s="298"/>
      <c r="AB92" s="298"/>
      <c r="AC92" s="298"/>
      <c r="AD92" s="298"/>
      <c r="AE92" s="298"/>
      <c r="AF92" s="298"/>
      <c r="AG92" s="298"/>
      <c r="AH92" s="298"/>
      <c r="AI92" s="298"/>
      <c r="AJ92" s="298"/>
      <c r="AK92" s="298"/>
      <c r="AL92" s="298"/>
      <c r="AM92" s="298"/>
      <c r="AN92" s="298"/>
      <c r="AO92" s="298"/>
      <c r="AP92" s="298"/>
      <c r="AQ92" s="298"/>
    </row>
    <row r="93" spans="1:43" ht="41.25" customHeight="1">
      <c r="A93" s="35" t="s">
        <v>70</v>
      </c>
      <c r="B93" s="36" t="s">
        <v>71</v>
      </c>
      <c r="C93" s="37" t="s">
        <v>551</v>
      </c>
      <c r="D93" s="38" t="s">
        <v>72</v>
      </c>
      <c r="E93" s="36" t="s">
        <v>311</v>
      </c>
      <c r="F93" s="87" t="s">
        <v>142</v>
      </c>
      <c r="G93" s="36" t="s">
        <v>312</v>
      </c>
      <c r="H93" s="87" t="s">
        <v>143</v>
      </c>
      <c r="I93" s="36" t="s">
        <v>313</v>
      </c>
      <c r="J93" s="87" t="s">
        <v>116</v>
      </c>
      <c r="K93" s="36" t="s">
        <v>300</v>
      </c>
      <c r="L93" s="87" t="s">
        <v>314</v>
      </c>
      <c r="M93" s="63" t="s">
        <v>71</v>
      </c>
      <c r="N93" s="64" t="s">
        <v>551</v>
      </c>
      <c r="O93" s="65" t="s">
        <v>72</v>
      </c>
      <c r="P93" s="63" t="s">
        <v>311</v>
      </c>
      <c r="Q93" s="86" t="s">
        <v>142</v>
      </c>
      <c r="R93" s="63" t="s">
        <v>315</v>
      </c>
      <c r="S93" s="86" t="s">
        <v>316</v>
      </c>
      <c r="T93" s="63" t="s">
        <v>313</v>
      </c>
      <c r="U93" s="86" t="s">
        <v>116</v>
      </c>
      <c r="V93" s="63" t="s">
        <v>300</v>
      </c>
      <c r="W93" s="86" t="s">
        <v>314</v>
      </c>
    </row>
    <row r="94" spans="1:43" ht="72">
      <c r="A94" s="39"/>
      <c r="B94" s="40" t="s">
        <v>73</v>
      </c>
      <c r="C94" s="126" t="s">
        <v>303</v>
      </c>
      <c r="D94" s="42" t="s">
        <v>75</v>
      </c>
      <c r="E94" s="40" t="s">
        <v>158</v>
      </c>
      <c r="F94" s="89" t="s">
        <v>87</v>
      </c>
      <c r="G94" s="40" t="s">
        <v>159</v>
      </c>
      <c r="H94" s="89" t="s">
        <v>87</v>
      </c>
      <c r="I94" s="40" t="s">
        <v>160</v>
      </c>
      <c r="J94" s="89" t="s">
        <v>87</v>
      </c>
      <c r="K94" s="40" t="s">
        <v>300</v>
      </c>
      <c r="L94" s="89" t="s">
        <v>87</v>
      </c>
      <c r="M94" s="66" t="s">
        <v>73</v>
      </c>
      <c r="N94" s="260" t="s">
        <v>303</v>
      </c>
      <c r="O94" s="68" t="s">
        <v>75</v>
      </c>
      <c r="P94" s="66" t="s">
        <v>158</v>
      </c>
      <c r="Q94" s="88" t="s">
        <v>87</v>
      </c>
      <c r="R94" s="66" t="s">
        <v>159</v>
      </c>
      <c r="S94" s="88" t="s">
        <v>87</v>
      </c>
      <c r="T94" s="66" t="s">
        <v>160</v>
      </c>
      <c r="U94" s="88" t="s">
        <v>87</v>
      </c>
      <c r="V94" s="66" t="s">
        <v>300</v>
      </c>
      <c r="W94" s="88" t="s">
        <v>87</v>
      </c>
    </row>
    <row r="95" spans="1:43">
      <c r="A95" s="43" t="s">
        <v>348</v>
      </c>
      <c r="B95" s="194">
        <v>13765</v>
      </c>
      <c r="C95" s="82">
        <v>4.6218854932024618</v>
      </c>
      <c r="D95" s="83">
        <v>2.9541683813995363E-2</v>
      </c>
      <c r="E95" s="196">
        <v>0.23907028799581004</v>
      </c>
      <c r="F95" s="92">
        <v>7.2704463901309612E-3</v>
      </c>
      <c r="G95" s="196">
        <v>0.17044209525032281</v>
      </c>
      <c r="H95" s="92">
        <v>6.4104343685206268E-3</v>
      </c>
      <c r="I95" s="196">
        <v>0.5804295452051893</v>
      </c>
      <c r="J95" s="92">
        <v>8.4112269517187949E-3</v>
      </c>
      <c r="K95" s="196">
        <v>1.0058071548694003E-2</v>
      </c>
      <c r="L95" s="83">
        <v>1.7126203741847147E-3</v>
      </c>
      <c r="M95" s="194">
        <v>13843</v>
      </c>
      <c r="N95" s="82">
        <v>4.5967103240332383</v>
      </c>
      <c r="O95" s="196">
        <v>3.5405588152114864E-2</v>
      </c>
      <c r="P95" s="196">
        <v>0.28846712963972082</v>
      </c>
      <c r="Q95" s="92">
        <v>7.7006102684024046E-3</v>
      </c>
      <c r="R95" s="196">
        <v>0.12828613840063616</v>
      </c>
      <c r="S95" s="92">
        <v>5.6856997465847305E-3</v>
      </c>
      <c r="T95" s="196">
        <v>0.56647253136033926</v>
      </c>
      <c r="U95" s="92">
        <v>8.4227157461731327E-3</v>
      </c>
      <c r="V95" s="196">
        <v>1.6774200599319375E-2</v>
      </c>
      <c r="W95" s="92">
        <v>2.191636005694597E-3</v>
      </c>
    </row>
    <row r="96" spans="1:43">
      <c r="A96" s="47" t="s">
        <v>349</v>
      </c>
      <c r="B96" s="47">
        <v>10100</v>
      </c>
      <c r="C96" s="178">
        <v>4.1695425903581356</v>
      </c>
      <c r="D96" s="130">
        <v>3.4448295583078915E-2</v>
      </c>
      <c r="E96" s="197">
        <v>0.34152122855695283</v>
      </c>
      <c r="F96" s="95">
        <v>9.4358768663867273E-3</v>
      </c>
      <c r="G96" s="197">
        <v>0.17469114921658968</v>
      </c>
      <c r="H96" s="95">
        <v>7.5570651502053941E-3</v>
      </c>
      <c r="I96" s="197">
        <v>0.47687708375163623</v>
      </c>
      <c r="J96" s="95">
        <v>9.9377666432826899E-3</v>
      </c>
      <c r="K96" s="197">
        <v>6.9105384748209594E-3</v>
      </c>
      <c r="L96" s="130">
        <v>1.6712430268018129E-3</v>
      </c>
      <c r="M96" s="47">
        <v>10165</v>
      </c>
      <c r="N96" s="178">
        <v>3.639621827302848</v>
      </c>
      <c r="O96" s="197">
        <v>3.8735524108903331E-2</v>
      </c>
      <c r="P96" s="197">
        <v>0.48496814217650475</v>
      </c>
      <c r="Q96" s="95">
        <v>9.9120772612238204E-3</v>
      </c>
      <c r="R96" s="197">
        <v>0.13199811931886693</v>
      </c>
      <c r="S96" s="95">
        <v>6.7164047884303987E-3</v>
      </c>
      <c r="T96" s="197">
        <v>0.36314130167084047</v>
      </c>
      <c r="U96" s="95">
        <v>9.5381482792795368E-3</v>
      </c>
      <c r="V96" s="197">
        <v>1.9892436833781689E-2</v>
      </c>
      <c r="W96" s="95">
        <v>2.7821573111958746E-3</v>
      </c>
    </row>
    <row r="97" spans="1:23">
      <c r="A97" s="43" t="s">
        <v>350</v>
      </c>
      <c r="B97" s="51">
        <v>3665</v>
      </c>
      <c r="C97" s="82">
        <v>4.9927410243324486</v>
      </c>
      <c r="D97" s="83">
        <v>4.8905180471125187E-2</v>
      </c>
      <c r="E97" s="196">
        <v>0.15555860522907791</v>
      </c>
      <c r="F97" s="92">
        <v>1.1978843463844795E-2</v>
      </c>
      <c r="G97" s="196">
        <v>0.16697852873793584</v>
      </c>
      <c r="H97" s="92">
        <v>1.2325130483906727E-2</v>
      </c>
      <c r="I97" s="196">
        <v>0.66483911980992394</v>
      </c>
      <c r="J97" s="92">
        <v>1.558830091558025E-2</v>
      </c>
      <c r="K97" s="196">
        <v>1.2623746223063092E-2</v>
      </c>
      <c r="L97" s="83">
        <v>3.7620756571589628E-3</v>
      </c>
      <c r="M97" s="51">
        <v>3678</v>
      </c>
      <c r="N97" s="82">
        <v>5.3734788863316103</v>
      </c>
      <c r="O97" s="196">
        <v>5.1390986973733115E-2</v>
      </c>
      <c r="P97" s="196">
        <v>0.12806626381766983</v>
      </c>
      <c r="Q97" s="92">
        <v>1.1028859327793969E-2</v>
      </c>
      <c r="R97" s="196">
        <v>0.12525610336156179</v>
      </c>
      <c r="S97" s="92">
        <v>1.0925254393580393E-2</v>
      </c>
      <c r="T97" s="196">
        <v>0.73244880227012543</v>
      </c>
      <c r="U97" s="92">
        <v>1.4595203895135739E-2</v>
      </c>
      <c r="V97" s="196">
        <v>1.4228830550643858E-2</v>
      </c>
      <c r="W97" s="92">
        <v>3.9742243860208465E-3</v>
      </c>
    </row>
    <row r="98" spans="1:23">
      <c r="A98" s="47" t="s">
        <v>574</v>
      </c>
      <c r="B98" s="47">
        <v>4941</v>
      </c>
      <c r="C98" s="178">
        <v>4.934584709957516</v>
      </c>
      <c r="D98" s="130">
        <v>4.3513557338514794E-2</v>
      </c>
      <c r="E98" s="197">
        <v>0.17026471801089346</v>
      </c>
      <c r="F98" s="95">
        <v>1.0696680947306272E-2</v>
      </c>
      <c r="G98" s="197">
        <v>0.16471456132889822</v>
      </c>
      <c r="H98" s="95">
        <v>1.0556429050958219E-2</v>
      </c>
      <c r="I98" s="197">
        <v>0.65298573055344922</v>
      </c>
      <c r="J98" s="95">
        <v>1.3539687081651434E-2</v>
      </c>
      <c r="K98" s="197">
        <v>1.2034990106760245E-2</v>
      </c>
      <c r="L98" s="130">
        <v>3.1510932092994742E-3</v>
      </c>
      <c r="M98" s="47">
        <v>4954</v>
      </c>
      <c r="N98" s="178">
        <v>5.2231851249799517</v>
      </c>
      <c r="O98" s="197">
        <v>4.7933499098834188E-2</v>
      </c>
      <c r="P98" s="197">
        <v>0.15575507634906949</v>
      </c>
      <c r="Q98" s="95">
        <v>1.0307360733148524E-2</v>
      </c>
      <c r="R98" s="197">
        <v>0.13034278081146702</v>
      </c>
      <c r="S98" s="95">
        <v>9.5722950444274979E-3</v>
      </c>
      <c r="T98" s="197">
        <v>0.69948060597722972</v>
      </c>
      <c r="U98" s="95">
        <v>1.3024681609174322E-2</v>
      </c>
      <c r="V98" s="197">
        <v>1.4421536862235027E-2</v>
      </c>
      <c r="W98" s="95">
        <v>3.4313243686344211E-3</v>
      </c>
    </row>
    <row r="99" spans="1:23">
      <c r="A99" s="43" t="s">
        <v>575</v>
      </c>
      <c r="B99" s="51">
        <v>5092</v>
      </c>
      <c r="C99" s="82">
        <v>3.9125317420650414</v>
      </c>
      <c r="D99" s="83">
        <v>4.7941780195645364E-2</v>
      </c>
      <c r="E99" s="196">
        <v>0.40041907817636047</v>
      </c>
      <c r="F99" s="92">
        <v>1.3728106622795482E-2</v>
      </c>
      <c r="G99" s="196">
        <v>0.17700127888144793</v>
      </c>
      <c r="H99" s="92">
        <v>1.069909334508851E-2</v>
      </c>
      <c r="I99" s="196">
        <v>0.41821688823801517</v>
      </c>
      <c r="J99" s="92">
        <v>1.3819934708551068E-2</v>
      </c>
      <c r="K99" s="196">
        <v>4.362754704176906E-3</v>
      </c>
      <c r="L99" s="83">
        <v>1.9266810786598475E-3</v>
      </c>
      <c r="M99" s="51">
        <v>5118</v>
      </c>
      <c r="N99" s="82">
        <v>3.3792146045117568</v>
      </c>
      <c r="O99" s="196">
        <v>5.3453010406560683E-2</v>
      </c>
      <c r="P99" s="196">
        <v>0.5481814293390681</v>
      </c>
      <c r="Q99" s="92">
        <v>1.3907772703985943E-2</v>
      </c>
      <c r="R99" s="196">
        <v>0.13276566063160869</v>
      </c>
      <c r="S99" s="92">
        <v>9.4911329944413758E-3</v>
      </c>
      <c r="T99" s="196">
        <v>0.3007274901476687</v>
      </c>
      <c r="U99" s="92">
        <v>1.2816929955837487E-2</v>
      </c>
      <c r="V99" s="196">
        <v>1.8325419881653274E-2</v>
      </c>
      <c r="W99" s="92">
        <v>3.785732486132331E-3</v>
      </c>
    </row>
    <row r="100" spans="1:23">
      <c r="A100" s="47" t="s">
        <v>576</v>
      </c>
      <c r="B100" s="47">
        <v>3096</v>
      </c>
      <c r="C100" s="178">
        <v>3.9146800530873485</v>
      </c>
      <c r="D100" s="130">
        <v>6.2572948883119012E-2</v>
      </c>
      <c r="E100" s="197">
        <v>0.38853770200684684</v>
      </c>
      <c r="F100" s="95">
        <v>1.7509746483078563E-2</v>
      </c>
      <c r="G100" s="197">
        <v>0.19082077769607494</v>
      </c>
      <c r="H100" s="95">
        <v>1.4126376054508491E-2</v>
      </c>
      <c r="I100" s="197">
        <v>0.41531722572545571</v>
      </c>
      <c r="J100" s="95">
        <v>1.7701733906420845E-2</v>
      </c>
      <c r="K100" s="197">
        <v>5.3242945716161175E-3</v>
      </c>
      <c r="L100" s="130">
        <v>2.7654628907178964E-3</v>
      </c>
      <c r="M100" s="47">
        <v>3127</v>
      </c>
      <c r="N100" s="178">
        <v>2.9650499101070977</v>
      </c>
      <c r="O100" s="197">
        <v>6.4564492279948524E-2</v>
      </c>
      <c r="P100" s="197">
        <v>0.62946636355024554</v>
      </c>
      <c r="Q100" s="95">
        <v>1.7263481696162448E-2</v>
      </c>
      <c r="R100" s="197">
        <v>0.11384946020816317</v>
      </c>
      <c r="S100" s="95">
        <v>1.1374326184879003E-2</v>
      </c>
      <c r="T100" s="197">
        <v>0.23190594348736734</v>
      </c>
      <c r="U100" s="95">
        <v>1.5092987852283211E-2</v>
      </c>
      <c r="V100" s="197">
        <v>2.4778232754217026E-2</v>
      </c>
      <c r="W100" s="95">
        <v>5.622073450018251E-3</v>
      </c>
    </row>
    <row r="101" spans="1:23">
      <c r="A101" s="43" t="s">
        <v>577</v>
      </c>
      <c r="B101" s="51">
        <v>410</v>
      </c>
      <c r="C101" s="82">
        <v>4.1102936249128641</v>
      </c>
      <c r="D101" s="83">
        <v>0.17650079118424408</v>
      </c>
      <c r="E101" s="196">
        <v>0.36447539332993406</v>
      </c>
      <c r="F101" s="92">
        <v>4.7343567246881817E-2</v>
      </c>
      <c r="G101" s="196">
        <v>0.19107620235226075</v>
      </c>
      <c r="H101" s="92">
        <v>3.8873175676012381E-2</v>
      </c>
      <c r="I101" s="196">
        <v>0.4307796697097771</v>
      </c>
      <c r="J101" s="92">
        <v>4.86832101197315E-2</v>
      </c>
      <c r="K101" s="196">
        <v>1.3668734608027654E-2</v>
      </c>
      <c r="L101" s="83">
        <v>1.3198674778428336E-2</v>
      </c>
      <c r="M101" s="51">
        <v>415</v>
      </c>
      <c r="N101" s="82">
        <v>2.401145629507857</v>
      </c>
      <c r="O101" s="196">
        <v>0.16526461128985939</v>
      </c>
      <c r="P101" s="196">
        <v>0.74812917415708102</v>
      </c>
      <c r="Q101" s="92">
        <v>4.2544580148118342E-2</v>
      </c>
      <c r="R101" s="196">
        <v>9.7614039973258016E-2</v>
      </c>
      <c r="S101" s="92">
        <v>2.9500572936110005E-2</v>
      </c>
      <c r="T101" s="196">
        <v>0.13188562005754462</v>
      </c>
      <c r="U101" s="92">
        <v>3.3430256859737301E-2</v>
      </c>
      <c r="V101" s="196">
        <v>2.237116581211596E-2</v>
      </c>
      <c r="W101" s="92">
        <v>1.5816850511197245E-2</v>
      </c>
    </row>
    <row r="102" spans="1:23">
      <c r="A102" s="47" t="s">
        <v>578</v>
      </c>
      <c r="B102" s="47">
        <v>143</v>
      </c>
      <c r="C102" s="178">
        <v>3.7605612683303828</v>
      </c>
      <c r="D102" s="130">
        <v>0.28681457733749915</v>
      </c>
      <c r="E102" s="197">
        <v>0.40638371575016019</v>
      </c>
      <c r="F102" s="95">
        <v>8.1098991332537299E-2</v>
      </c>
      <c r="G102" s="197">
        <v>0.16925702608688326</v>
      </c>
      <c r="H102" s="95">
        <v>6.3133879066949658E-2</v>
      </c>
      <c r="I102" s="197">
        <v>0.42435925816295617</v>
      </c>
      <c r="J102" s="95">
        <v>8.1580579440456533E-2</v>
      </c>
      <c r="K102" s="197">
        <v>0</v>
      </c>
      <c r="L102" s="130">
        <v>1.9109661423715743E-2</v>
      </c>
      <c r="M102" s="47">
        <v>143</v>
      </c>
      <c r="N102" s="178">
        <v>2.1174831060724935</v>
      </c>
      <c r="O102" s="197">
        <v>0.22225422141468129</v>
      </c>
      <c r="P102" s="197">
        <v>0.76622756541049963</v>
      </c>
      <c r="Q102" s="95">
        <v>7.0552274585896954E-2</v>
      </c>
      <c r="R102" s="197">
        <v>5.0382014876068436E-2</v>
      </c>
      <c r="S102" s="95">
        <v>3.9964504510109987E-2</v>
      </c>
      <c r="T102" s="197">
        <v>0.1313748336639744</v>
      </c>
      <c r="U102" s="95">
        <v>5.7477578952485564E-2</v>
      </c>
      <c r="V102" s="197">
        <v>5.2015586049457205E-2</v>
      </c>
      <c r="W102" s="95">
        <v>4.0434131928594075E-2</v>
      </c>
    </row>
    <row r="103" spans="1:23">
      <c r="A103" s="43" t="s">
        <v>581</v>
      </c>
      <c r="B103" s="51">
        <v>9734</v>
      </c>
      <c r="C103" s="82">
        <v>4.6744733734786674</v>
      </c>
      <c r="D103" s="83">
        <v>3.5020928144487602E-2</v>
      </c>
      <c r="E103" s="196">
        <v>0.22626711997881821</v>
      </c>
      <c r="F103" s="92">
        <v>8.4815979819624111E-3</v>
      </c>
      <c r="G103" s="196">
        <v>0.16896735205976071</v>
      </c>
      <c r="H103" s="92">
        <v>7.5970449727375813E-3</v>
      </c>
      <c r="I103" s="196">
        <v>0.59422822630769323</v>
      </c>
      <c r="J103" s="92">
        <v>9.9522031719241465E-3</v>
      </c>
      <c r="K103" s="196">
        <v>1.0537301653751214E-2</v>
      </c>
      <c r="L103" s="83">
        <v>2.0889091923901098E-3</v>
      </c>
      <c r="M103" s="51">
        <v>9793</v>
      </c>
      <c r="N103" s="82">
        <v>4.7227542124100381</v>
      </c>
      <c r="O103" s="196">
        <v>4.2190366429268801E-2</v>
      </c>
      <c r="P103" s="196">
        <v>0.26161677415518525</v>
      </c>
      <c r="Q103" s="92">
        <v>8.8819697769059666E-3</v>
      </c>
      <c r="R103" s="196">
        <v>0.12717844269679099</v>
      </c>
      <c r="S103" s="92">
        <v>6.7355768819037931E-3</v>
      </c>
      <c r="T103" s="196">
        <v>0.5945396509532197</v>
      </c>
      <c r="U103" s="92">
        <v>9.9209810792830876E-3</v>
      </c>
      <c r="V103" s="196">
        <v>1.6665132194826383E-2</v>
      </c>
      <c r="W103" s="92">
        <v>2.6016639626502817E-3</v>
      </c>
    </row>
    <row r="104" spans="1:23">
      <c r="A104" s="47" t="s">
        <v>580</v>
      </c>
      <c r="B104" s="47">
        <v>3989</v>
      </c>
      <c r="C104" s="178">
        <v>4.1158580478596072</v>
      </c>
      <c r="D104" s="130">
        <v>5.3882258924009614E-2</v>
      </c>
      <c r="E104" s="197">
        <v>0.35572099791379436</v>
      </c>
      <c r="F104" s="95">
        <v>1.515345181607294E-2</v>
      </c>
      <c r="G104" s="197">
        <v>0.18500466504250832</v>
      </c>
      <c r="H104" s="95">
        <v>1.2298020315249923E-2</v>
      </c>
      <c r="I104" s="197">
        <v>0.45518935465810012</v>
      </c>
      <c r="J104" s="95">
        <v>1.576168712238081E-2</v>
      </c>
      <c r="K104" s="197">
        <v>4.0849823855969017E-3</v>
      </c>
      <c r="L104" s="130">
        <v>2.1374680198293669E-3</v>
      </c>
      <c r="M104" s="47">
        <v>4010</v>
      </c>
      <c r="N104" s="178">
        <v>3.4070011317566116</v>
      </c>
      <c r="O104" s="197">
        <v>5.9634570278656249E-2</v>
      </c>
      <c r="P104" s="197">
        <v>0.53607003759237171</v>
      </c>
      <c r="Q104" s="95">
        <v>1.5742748320397373E-2</v>
      </c>
      <c r="R104" s="197">
        <v>0.14303300884306785</v>
      </c>
      <c r="S104" s="95">
        <v>1.1063453469665028E-2</v>
      </c>
      <c r="T104" s="197">
        <v>0.30185168929776046</v>
      </c>
      <c r="U104" s="95">
        <v>1.4494142919657725E-2</v>
      </c>
      <c r="V104" s="197">
        <v>1.9045264266799276E-2</v>
      </c>
      <c r="W104" s="95">
        <v>4.3676728162330616E-3</v>
      </c>
    </row>
    <row r="105" spans="1:23">
      <c r="A105" s="43" t="s">
        <v>583</v>
      </c>
      <c r="B105" s="194">
        <v>919</v>
      </c>
      <c r="C105" s="82">
        <v>3.816011053152041</v>
      </c>
      <c r="D105" s="83">
        <v>0.11379434113961075</v>
      </c>
      <c r="E105" s="196">
        <v>0.42093054406790537</v>
      </c>
      <c r="F105" s="92">
        <v>3.2504827014035655E-2</v>
      </c>
      <c r="G105" s="196">
        <v>0.16796117250944056</v>
      </c>
      <c r="H105" s="92">
        <v>2.4693459703020865E-2</v>
      </c>
      <c r="I105" s="196">
        <v>0.4099926526401601</v>
      </c>
      <c r="J105" s="92">
        <v>3.2382381054382382E-2</v>
      </c>
      <c r="K105" s="196">
        <v>1.1156307824934369E-3</v>
      </c>
      <c r="L105" s="83">
        <v>3.7626782557839832E-3</v>
      </c>
      <c r="M105" s="194">
        <v>923</v>
      </c>
      <c r="N105" s="82">
        <v>3.0660908872193464</v>
      </c>
      <c r="O105" s="196">
        <v>0.11898869534293333</v>
      </c>
      <c r="P105" s="196">
        <v>0.61344330216960308</v>
      </c>
      <c r="Q105" s="92">
        <v>3.199524237895543E-2</v>
      </c>
      <c r="R105" s="196">
        <v>0.13407315368893605</v>
      </c>
      <c r="S105" s="92">
        <v>2.2493017183573098E-2</v>
      </c>
      <c r="T105" s="196">
        <v>0.23151505902362868</v>
      </c>
      <c r="U105" s="92">
        <v>2.7755799018921334E-2</v>
      </c>
      <c r="V105" s="196">
        <v>2.0968485117831191E-2</v>
      </c>
      <c r="W105" s="92">
        <v>9.8543588717765421E-3</v>
      </c>
    </row>
    <row r="106" spans="1:23">
      <c r="A106" s="47" t="s">
        <v>582</v>
      </c>
      <c r="B106" s="195">
        <v>3070</v>
      </c>
      <c r="C106" s="178">
        <v>4.2248467197243018</v>
      </c>
      <c r="D106" s="130">
        <v>6.0888952464730507E-2</v>
      </c>
      <c r="E106" s="197">
        <v>0.33211453625490733</v>
      </c>
      <c r="F106" s="95">
        <v>1.6992009886949593E-2</v>
      </c>
      <c r="G106" s="197">
        <v>0.19117456771388344</v>
      </c>
      <c r="H106" s="95">
        <v>1.4196084611699879E-2</v>
      </c>
      <c r="I106" s="197">
        <v>0.47155098077298091</v>
      </c>
      <c r="J106" s="95">
        <v>1.8007182772659329E-2</v>
      </c>
      <c r="K106" s="197">
        <v>5.1599152582281378E-3</v>
      </c>
      <c r="L106" s="130">
        <v>2.7401292090268327E-3</v>
      </c>
      <c r="M106" s="195">
        <v>3087</v>
      </c>
      <c r="N106" s="178">
        <v>3.5300270429544973</v>
      </c>
      <c r="O106" s="197">
        <v>6.8566730807611803E-2</v>
      </c>
      <c r="P106" s="197">
        <v>0.50807327986900397</v>
      </c>
      <c r="Q106" s="95">
        <v>1.7984320095826754E-2</v>
      </c>
      <c r="R106" s="197">
        <v>0.14627504464648555</v>
      </c>
      <c r="S106" s="95">
        <v>1.27287750843637E-2</v>
      </c>
      <c r="T106" s="197">
        <v>0.32730230983991704</v>
      </c>
      <c r="U106" s="95">
        <v>1.6882667325839509E-2</v>
      </c>
      <c r="V106" s="197">
        <v>1.8349365644593326E-2</v>
      </c>
      <c r="W106" s="95">
        <v>4.9077808240130128E-3</v>
      </c>
    </row>
    <row r="107" spans="1:23">
      <c r="A107" s="43" t="s">
        <v>568</v>
      </c>
      <c r="B107" s="52">
        <v>8168</v>
      </c>
      <c r="C107" s="82">
        <v>4.5375268973513432</v>
      </c>
      <c r="D107" s="83">
        <v>3.8168155382843655E-2</v>
      </c>
      <c r="E107" s="196">
        <v>0.25586425720317935</v>
      </c>
      <c r="F107" s="92">
        <v>9.655243455418289E-3</v>
      </c>
      <c r="G107" s="196">
        <v>0.17827696328954493</v>
      </c>
      <c r="H107" s="92">
        <v>8.4708359209009678E-3</v>
      </c>
      <c r="I107" s="196">
        <v>0.55406600485035373</v>
      </c>
      <c r="J107" s="92">
        <v>1.0997256989626007E-2</v>
      </c>
      <c r="K107" s="196">
        <v>1.1792774656909921E-2</v>
      </c>
      <c r="L107" s="83">
        <v>2.4121346156411325E-3</v>
      </c>
      <c r="M107" s="52">
        <v>8215</v>
      </c>
      <c r="N107" s="82">
        <v>4.4883477748807108</v>
      </c>
      <c r="O107" s="196">
        <v>4.6282779135113611E-2</v>
      </c>
      <c r="P107" s="196">
        <v>0.31223325936589486</v>
      </c>
      <c r="Q107" s="92">
        <v>1.0223871012306304E-2</v>
      </c>
      <c r="R107" s="196">
        <v>0.13041921117071881</v>
      </c>
      <c r="S107" s="92">
        <v>7.4336243157162888E-3</v>
      </c>
      <c r="T107" s="196">
        <v>0.53938518540472147</v>
      </c>
      <c r="U107" s="92">
        <v>1.0996140562501483E-2</v>
      </c>
      <c r="V107" s="196">
        <v>1.7962344058653604E-2</v>
      </c>
      <c r="W107" s="92">
        <v>2.9487088078814969E-3</v>
      </c>
    </row>
    <row r="108" spans="1:23">
      <c r="A108" s="47" t="s">
        <v>569</v>
      </c>
      <c r="B108" s="195">
        <v>5462</v>
      </c>
      <c r="C108" s="178">
        <v>4.7275758315301708</v>
      </c>
      <c r="D108" s="130">
        <v>4.7234387624684175E-2</v>
      </c>
      <c r="E108" s="197">
        <v>0.21717387102649277</v>
      </c>
      <c r="F108" s="95">
        <v>1.115786372507371E-2</v>
      </c>
      <c r="G108" s="197">
        <v>0.16227436174573528</v>
      </c>
      <c r="H108" s="95">
        <v>9.9801584193744911E-3</v>
      </c>
      <c r="I108" s="197">
        <v>0.6120783215293083</v>
      </c>
      <c r="J108" s="95">
        <v>1.3182188365168825E-2</v>
      </c>
      <c r="K108" s="197">
        <v>8.4734456984830037E-3</v>
      </c>
      <c r="L108" s="130">
        <v>2.5311984846043373E-3</v>
      </c>
      <c r="M108" s="195">
        <v>5491</v>
      </c>
      <c r="N108" s="178">
        <v>4.7325253126321254</v>
      </c>
      <c r="O108" s="197">
        <v>5.5584156214159644E-2</v>
      </c>
      <c r="P108" s="197">
        <v>0.25993275767307394</v>
      </c>
      <c r="Q108" s="95">
        <v>1.1836053054112452E-2</v>
      </c>
      <c r="R108" s="197">
        <v>0.12545402230080036</v>
      </c>
      <c r="S108" s="95">
        <v>8.9450642601032627E-3</v>
      </c>
      <c r="T108" s="197">
        <v>0.59916006310225267</v>
      </c>
      <c r="U108" s="95">
        <v>1.3222574014409291E-2</v>
      </c>
      <c r="V108" s="197">
        <v>1.5453156923892842E-2</v>
      </c>
      <c r="W108" s="95">
        <v>3.3650832024078731E-3</v>
      </c>
    </row>
    <row r="109" spans="1:23">
      <c r="A109" s="55" t="s">
        <v>570</v>
      </c>
      <c r="B109" s="194">
        <v>1768</v>
      </c>
      <c r="C109" s="82">
        <v>4.7699000659245074</v>
      </c>
      <c r="D109" s="83">
        <v>8.0936084825926097E-2</v>
      </c>
      <c r="E109" s="196">
        <v>0.20726386264932842</v>
      </c>
      <c r="F109" s="92">
        <v>1.9281214591482809E-2</v>
      </c>
      <c r="G109" s="196">
        <v>0.18209030837678192</v>
      </c>
      <c r="H109" s="92">
        <v>1.8363596058760447E-2</v>
      </c>
      <c r="I109" s="196">
        <v>0.59101261488031875</v>
      </c>
      <c r="J109" s="92">
        <v>2.3360655415324845E-2</v>
      </c>
      <c r="K109" s="196">
        <v>1.9633214093569686E-2</v>
      </c>
      <c r="L109" s="83">
        <v>6.7673939521264463E-3</v>
      </c>
      <c r="M109" s="194">
        <v>1769</v>
      </c>
      <c r="N109" s="82">
        <v>4.9802144070514229</v>
      </c>
      <c r="O109" s="196">
        <v>9.2727049856904969E-2</v>
      </c>
      <c r="P109" s="196">
        <v>0.19940134158665973</v>
      </c>
      <c r="Q109" s="92">
        <v>1.9002045211101295E-2</v>
      </c>
      <c r="R109" s="196">
        <v>0.1422092145492507</v>
      </c>
      <c r="S109" s="92">
        <v>1.6628566856793803E-2</v>
      </c>
      <c r="T109" s="196">
        <v>0.63995878374078285</v>
      </c>
      <c r="U109" s="92">
        <v>2.2803994502874875E-2</v>
      </c>
      <c r="V109" s="196">
        <v>1.8430660123305076E-2</v>
      </c>
      <c r="W109" s="92">
        <v>6.5705753960585613E-3</v>
      </c>
    </row>
    <row r="110" spans="1:23">
      <c r="A110" s="47" t="s">
        <v>571</v>
      </c>
      <c r="B110" s="195">
        <v>3733</v>
      </c>
      <c r="C110" s="178">
        <v>4.6112587176128335</v>
      </c>
      <c r="D110" s="130">
        <v>5.6323381705671985E-2</v>
      </c>
      <c r="E110" s="197">
        <v>0.23585241853775024</v>
      </c>
      <c r="F110" s="95">
        <v>1.3894951432565365E-2</v>
      </c>
      <c r="G110" s="197">
        <v>0.16946327368058561</v>
      </c>
      <c r="H110" s="95">
        <v>1.2284175736426841E-2</v>
      </c>
      <c r="I110" s="197">
        <v>0.5842228963750693</v>
      </c>
      <c r="J110" s="95">
        <v>1.6125069147147314E-2</v>
      </c>
      <c r="K110" s="197">
        <v>1.0461411406594727E-2</v>
      </c>
      <c r="L110" s="130">
        <v>3.4101837660026235E-3</v>
      </c>
      <c r="M110" s="195">
        <v>3747</v>
      </c>
      <c r="N110" s="178">
        <v>4.5594633213943094</v>
      </c>
      <c r="O110" s="197">
        <v>6.605711939141079E-2</v>
      </c>
      <c r="P110" s="197">
        <v>0.27944028574797936</v>
      </c>
      <c r="Q110" s="95">
        <v>1.4657090253318175E-2</v>
      </c>
      <c r="R110" s="197">
        <v>0.15110412774646786</v>
      </c>
      <c r="S110" s="95">
        <v>1.1707405471052585E-2</v>
      </c>
      <c r="T110" s="197">
        <v>0.55019699818971413</v>
      </c>
      <c r="U110" s="95">
        <v>1.6245439284256775E-2</v>
      </c>
      <c r="V110" s="197">
        <v>1.9258588315837367E-2</v>
      </c>
      <c r="W110" s="95">
        <v>4.5460809444390097E-3</v>
      </c>
    </row>
    <row r="111" spans="1:23">
      <c r="A111" s="55" t="s">
        <v>572</v>
      </c>
      <c r="B111" s="194">
        <v>4127</v>
      </c>
      <c r="C111" s="82">
        <v>4.3953670177625872</v>
      </c>
      <c r="D111" s="83">
        <v>5.5098696909504842E-2</v>
      </c>
      <c r="E111" s="196">
        <v>0.2866763226236772</v>
      </c>
      <c r="F111" s="92">
        <v>1.4074570354787657E-2</v>
      </c>
      <c r="G111" s="196">
        <v>0.18346389628237683</v>
      </c>
      <c r="H111" s="92">
        <v>1.2051645366406372E-2</v>
      </c>
      <c r="I111" s="196">
        <v>0.52237975771549405</v>
      </c>
      <c r="J111" s="92">
        <v>1.5543104756213569E-2</v>
      </c>
      <c r="K111" s="196">
        <v>7.4800233784619394E-3</v>
      </c>
      <c r="L111" s="83">
        <v>2.7646508444331042E-3</v>
      </c>
      <c r="M111" s="194">
        <v>4151</v>
      </c>
      <c r="N111" s="82">
        <v>4.2422528291486934</v>
      </c>
      <c r="O111" s="196">
        <v>6.4176878652554836E-2</v>
      </c>
      <c r="P111" s="196">
        <v>0.37483502564861193</v>
      </c>
      <c r="Q111" s="92">
        <v>1.5020687807617146E-2</v>
      </c>
      <c r="R111" s="196">
        <v>0.1111743481489299</v>
      </c>
      <c r="S111" s="92">
        <v>9.7677266837493063E-3</v>
      </c>
      <c r="T111" s="196">
        <v>0.4975308023519226</v>
      </c>
      <c r="U111" s="92">
        <v>1.5513478935582995E-2</v>
      </c>
      <c r="V111" s="196">
        <v>1.645982385054514E-2</v>
      </c>
      <c r="W111" s="92">
        <v>4.0022688115424181E-3</v>
      </c>
    </row>
    <row r="112" spans="1:23">
      <c r="A112" s="47" t="s">
        <v>573</v>
      </c>
      <c r="B112" s="195">
        <v>3937</v>
      </c>
      <c r="C112" s="178">
        <v>4.8087173381808128</v>
      </c>
      <c r="D112" s="130">
        <v>5.3585692097720808E-2</v>
      </c>
      <c r="E112" s="197">
        <v>0.20865868401563914</v>
      </c>
      <c r="F112" s="95">
        <v>1.2952490671275879E-2</v>
      </c>
      <c r="G112" s="197">
        <v>0.14450052180188816</v>
      </c>
      <c r="H112" s="95">
        <v>1.1212986570846789E-2</v>
      </c>
      <c r="I112" s="197">
        <v>0.64352881606806689</v>
      </c>
      <c r="J112" s="95">
        <v>1.5260281764591916E-2</v>
      </c>
      <c r="K112" s="197">
        <v>3.311978114398539E-3</v>
      </c>
      <c r="L112" s="130">
        <v>1.9642941450587204E-3</v>
      </c>
      <c r="M112" s="195">
        <v>3973</v>
      </c>
      <c r="N112" s="178">
        <v>4.7483446733313235</v>
      </c>
      <c r="O112" s="197">
        <v>6.7069189817615227E-2</v>
      </c>
      <c r="P112" s="197">
        <v>0.28501644432953638</v>
      </c>
      <c r="Q112" s="95">
        <v>1.4319708631589064E-2</v>
      </c>
      <c r="R112" s="197">
        <v>9.1715643290828819E-2</v>
      </c>
      <c r="S112" s="95">
        <v>9.1718450447163622E-3</v>
      </c>
      <c r="T112" s="197">
        <v>0.61216304771670615</v>
      </c>
      <c r="U112" s="95">
        <v>1.5453735723503814E-2</v>
      </c>
      <c r="V112" s="197">
        <v>1.1104864662921529E-2</v>
      </c>
      <c r="W112" s="95">
        <v>3.3953489713538995E-3</v>
      </c>
    </row>
    <row r="113" spans="1:23">
      <c r="A113" s="55" t="s">
        <v>579</v>
      </c>
      <c r="B113" s="194">
        <v>9574</v>
      </c>
      <c r="C113" s="82">
        <v>4.5262859860284079</v>
      </c>
      <c r="D113" s="83">
        <v>3.5256781225805139E-2</v>
      </c>
      <c r="E113" s="196">
        <v>0.25520609987988069</v>
      </c>
      <c r="F113" s="92">
        <v>8.9107307406555824E-3</v>
      </c>
      <c r="G113" s="196">
        <v>0.17436720846112294</v>
      </c>
      <c r="H113" s="92">
        <v>7.7562531364653488E-3</v>
      </c>
      <c r="I113" s="196">
        <v>0.56031694575219493</v>
      </c>
      <c r="J113" s="92">
        <v>1.0143363742218994E-2</v>
      </c>
      <c r="K113" s="196">
        <v>1.0109745906826428E-2</v>
      </c>
      <c r="L113" s="83">
        <v>2.0647232591505206E-3</v>
      </c>
      <c r="M113" s="194">
        <v>9629</v>
      </c>
      <c r="N113" s="82">
        <v>4.4872433907352276</v>
      </c>
      <c r="O113" s="196">
        <v>4.222461931377982E-2</v>
      </c>
      <c r="P113" s="196">
        <v>0.31091868331586608</v>
      </c>
      <c r="Q113" s="92">
        <v>9.4327418131907471E-3</v>
      </c>
      <c r="R113" s="196">
        <v>0.1307299788710366</v>
      </c>
      <c r="S113" s="92">
        <v>6.8727477030905522E-3</v>
      </c>
      <c r="T113" s="196">
        <v>0.54067913569131709</v>
      </c>
      <c r="U113" s="92">
        <v>1.015496214992196E-2</v>
      </c>
      <c r="V113" s="196">
        <v>1.7672202121804356E-2</v>
      </c>
      <c r="W113" s="92">
        <v>2.6997627957632032E-3</v>
      </c>
    </row>
    <row r="114" spans="1:23">
      <c r="A114" s="47" t="s">
        <v>585</v>
      </c>
      <c r="B114" s="195">
        <v>1535</v>
      </c>
      <c r="C114" s="178">
        <v>4.7367151017347746</v>
      </c>
      <c r="D114" s="130">
        <v>8.4667856649486728E-2</v>
      </c>
      <c r="E114" s="197">
        <v>0.22258708781056064</v>
      </c>
      <c r="F114" s="95">
        <v>2.1231824622166655E-2</v>
      </c>
      <c r="G114" s="197">
        <v>0.16680546240561978</v>
      </c>
      <c r="H114" s="95">
        <v>1.9045292951464211E-2</v>
      </c>
      <c r="I114" s="197">
        <v>0.60343533549575556</v>
      </c>
      <c r="J114" s="95">
        <v>2.4942125277978705E-2</v>
      </c>
      <c r="K114" s="197">
        <v>7.1721142880665691E-3</v>
      </c>
      <c r="L114" s="130">
        <v>4.6673808846725484E-3</v>
      </c>
      <c r="M114" s="195">
        <v>1546</v>
      </c>
      <c r="N114" s="178">
        <v>4.6686549313441779</v>
      </c>
      <c r="O114" s="197">
        <v>0.10712306670733693</v>
      </c>
      <c r="P114" s="197">
        <v>0.28175125053899636</v>
      </c>
      <c r="Q114" s="95">
        <v>2.2866400841590639E-2</v>
      </c>
      <c r="R114" s="197">
        <v>0.1046338994567194</v>
      </c>
      <c r="S114" s="95">
        <v>1.5615657096453727E-2</v>
      </c>
      <c r="T114" s="197">
        <v>0.59559926763185189</v>
      </c>
      <c r="U114" s="95">
        <v>2.4933868109842331E-2</v>
      </c>
      <c r="V114" s="197">
        <v>1.8015582372434488E-2</v>
      </c>
      <c r="W114" s="95">
        <v>6.9817251096000602E-3</v>
      </c>
    </row>
    <row r="115" spans="1:23">
      <c r="A115" s="55" t="s">
        <v>586</v>
      </c>
      <c r="B115" s="194">
        <v>905</v>
      </c>
      <c r="C115" s="82">
        <v>5.1848349695371541</v>
      </c>
      <c r="D115" s="83">
        <v>0.10598906043262055</v>
      </c>
      <c r="E115" s="196">
        <v>0.134546454910242</v>
      </c>
      <c r="F115" s="92">
        <v>2.2750044005751806E-2</v>
      </c>
      <c r="G115" s="196">
        <v>0.13233313156371657</v>
      </c>
      <c r="H115" s="92">
        <v>2.2593957328232904E-2</v>
      </c>
      <c r="I115" s="196">
        <v>0.72203267740009391</v>
      </c>
      <c r="J115" s="92">
        <v>2.9750292328674034E-2</v>
      </c>
      <c r="K115" s="196">
        <v>1.1087736125948289E-2</v>
      </c>
      <c r="L115" s="83">
        <v>7.5820092004427611E-3</v>
      </c>
      <c r="M115" s="194">
        <v>907</v>
      </c>
      <c r="N115" s="82">
        <v>5.2100882273407354</v>
      </c>
      <c r="O115" s="196">
        <v>0.12855847911964086</v>
      </c>
      <c r="P115" s="196">
        <v>0.14908720485938898</v>
      </c>
      <c r="Q115" s="92">
        <v>2.3701324421878861E-2</v>
      </c>
      <c r="R115" s="196">
        <v>0.13967152887441225</v>
      </c>
      <c r="S115" s="92">
        <v>2.3078262073782843E-2</v>
      </c>
      <c r="T115" s="196">
        <v>0.70051248184789161</v>
      </c>
      <c r="U115" s="92">
        <v>3.0376129798854044E-2</v>
      </c>
      <c r="V115" s="196">
        <v>1.0728784418307689E-2</v>
      </c>
      <c r="W115" s="92">
        <v>7.4707618998883854E-3</v>
      </c>
    </row>
    <row r="116" spans="1:23">
      <c r="A116" s="47" t="s">
        <v>584</v>
      </c>
      <c r="B116" s="195">
        <v>301</v>
      </c>
      <c r="C116" s="178">
        <v>4.4292657746452084</v>
      </c>
      <c r="D116" s="130">
        <v>0.2081035532337917</v>
      </c>
      <c r="E116" s="197">
        <v>0.30475902684737705</v>
      </c>
      <c r="F116" s="95">
        <v>5.2837424598137964E-2</v>
      </c>
      <c r="G116" s="197">
        <v>0.16420881574750351</v>
      </c>
      <c r="H116" s="95">
        <v>4.2877242085427841E-2</v>
      </c>
      <c r="I116" s="197">
        <v>0.50747056586236294</v>
      </c>
      <c r="J116" s="95">
        <v>5.7253608364897776E-2</v>
      </c>
      <c r="K116" s="197">
        <v>2.3561591542756419E-2</v>
      </c>
      <c r="L116" s="130">
        <v>1.9475526517780145E-2</v>
      </c>
      <c r="M116" s="195">
        <v>305</v>
      </c>
      <c r="N116" s="178">
        <v>4.5185869477206708</v>
      </c>
      <c r="O116" s="197">
        <v>0.24168346534678359</v>
      </c>
      <c r="P116" s="197">
        <v>0.29189752831726812</v>
      </c>
      <c r="Q116" s="95">
        <v>5.1865810395697751E-2</v>
      </c>
      <c r="R116" s="197">
        <v>0.1402659932566851</v>
      </c>
      <c r="S116" s="95">
        <v>4.0051769473161636E-2</v>
      </c>
      <c r="T116" s="197">
        <v>0.55192909887709329</v>
      </c>
      <c r="U116" s="95">
        <v>5.6588302850415377E-2</v>
      </c>
      <c r="V116" s="197">
        <v>1.5907379548953673E-2</v>
      </c>
      <c r="W116" s="95">
        <v>1.6753405333555099E-2</v>
      </c>
    </row>
    <row r="117" spans="1:23">
      <c r="A117" s="55" t="s">
        <v>587</v>
      </c>
      <c r="B117" s="194">
        <v>12966</v>
      </c>
      <c r="C117" s="82">
        <v>4.6319322016411846</v>
      </c>
      <c r="D117" s="83">
        <v>3.0375079580004599E-2</v>
      </c>
      <c r="E117" s="196">
        <v>0.23607671042649966</v>
      </c>
      <c r="F117" s="92">
        <v>7.4587005730528573E-3</v>
      </c>
      <c r="G117" s="196">
        <v>0.16889718771739029</v>
      </c>
      <c r="H117" s="92">
        <v>6.5811707146997498E-3</v>
      </c>
      <c r="I117" s="196">
        <v>0.5853278456882588</v>
      </c>
      <c r="J117" s="92">
        <v>8.651990896497758E-3</v>
      </c>
      <c r="K117" s="196">
        <v>9.6982561678722549E-3</v>
      </c>
      <c r="L117" s="83">
        <v>1.7342711091014257E-3</v>
      </c>
      <c r="M117" s="194">
        <v>13032</v>
      </c>
      <c r="N117" s="82">
        <v>4.5890681732694087</v>
      </c>
      <c r="O117" s="196">
        <v>3.6445988589865544E-2</v>
      </c>
      <c r="P117" s="196">
        <v>0.29003799401152602</v>
      </c>
      <c r="Q117" s="92">
        <v>7.9493449531479552E-3</v>
      </c>
      <c r="R117" s="196">
        <v>0.12800494324833453</v>
      </c>
      <c r="S117" s="92">
        <v>5.8545473491038464E-3</v>
      </c>
      <c r="T117" s="196">
        <v>0.56512295867301432</v>
      </c>
      <c r="U117" s="92">
        <v>8.6839004237980414E-3</v>
      </c>
      <c r="V117" s="196">
        <v>1.6834104067145066E-2</v>
      </c>
      <c r="W117" s="92">
        <v>2.2632758853645255E-3</v>
      </c>
    </row>
    <row r="119" spans="1:23" ht="18.75">
      <c r="A119" s="337" t="s">
        <v>417</v>
      </c>
      <c r="B119" s="337"/>
      <c r="C119" s="337"/>
      <c r="D119" s="337"/>
    </row>
    <row r="120" spans="1:23" ht="135.75" customHeight="1">
      <c r="A120" s="391" t="s">
        <v>560</v>
      </c>
      <c r="B120" s="391"/>
      <c r="C120" s="391"/>
      <c r="D120" s="391"/>
    </row>
    <row r="121" spans="1:23" ht="15.75">
      <c r="A121" s="401" t="s">
        <v>418</v>
      </c>
      <c r="B121" s="343"/>
      <c r="C121" s="343"/>
      <c r="D121" s="343"/>
    </row>
    <row r="122" spans="1:23" ht="72">
      <c r="A122" s="35" t="s">
        <v>70</v>
      </c>
      <c r="B122" s="36" t="s">
        <v>71</v>
      </c>
      <c r="C122" s="37" t="s">
        <v>551</v>
      </c>
      <c r="D122" s="38" t="s">
        <v>72</v>
      </c>
    </row>
    <row r="123" spans="1:23" ht="72">
      <c r="A123" s="39"/>
      <c r="B123" s="40" t="s">
        <v>73</v>
      </c>
      <c r="C123" s="126" t="s">
        <v>303</v>
      </c>
      <c r="D123" s="42" t="s">
        <v>75</v>
      </c>
    </row>
    <row r="124" spans="1:23">
      <c r="A124" s="43" t="s">
        <v>348</v>
      </c>
      <c r="B124" s="164">
        <v>12483</v>
      </c>
      <c r="C124" s="165">
        <v>5.0549627128288224</v>
      </c>
      <c r="D124" s="84">
        <v>2.3991524523542411E-2</v>
      </c>
    </row>
    <row r="125" spans="1:23">
      <c r="A125" s="47" t="s">
        <v>349</v>
      </c>
      <c r="B125" s="47">
        <v>8844</v>
      </c>
      <c r="C125" s="167">
        <v>4.8992552294447611</v>
      </c>
      <c r="D125" s="85">
        <v>2.9705474198317244E-2</v>
      </c>
    </row>
    <row r="126" spans="1:23">
      <c r="A126" s="43" t="s">
        <v>350</v>
      </c>
      <c r="B126" s="51">
        <v>3639</v>
      </c>
      <c r="C126" s="165">
        <v>5.1803805066753794</v>
      </c>
      <c r="D126" s="84">
        <v>3.8200202057961007E-2</v>
      </c>
    </row>
    <row r="127" spans="1:23">
      <c r="A127" s="47" t="s">
        <v>574</v>
      </c>
      <c r="B127" s="47">
        <v>4891</v>
      </c>
      <c r="C127" s="167">
        <v>5.1886222528810784</v>
      </c>
      <c r="D127" s="85">
        <v>3.3373473779131281E-2</v>
      </c>
    </row>
    <row r="128" spans="1:23">
      <c r="A128" s="43" t="s">
        <v>575</v>
      </c>
      <c r="B128" s="51">
        <v>4518</v>
      </c>
      <c r="C128" s="165">
        <v>4.9590074828528907</v>
      </c>
      <c r="D128" s="84">
        <v>3.8912315564496841E-2</v>
      </c>
    </row>
    <row r="129" spans="1:4">
      <c r="A129" s="47" t="s">
        <v>576</v>
      </c>
      <c r="B129" s="47">
        <v>2546</v>
      </c>
      <c r="C129" s="167">
        <v>4.5284196510260042</v>
      </c>
      <c r="D129" s="85">
        <v>5.7435783241057213E-2</v>
      </c>
    </row>
    <row r="130" spans="1:4">
      <c r="A130" s="43" t="s">
        <v>577</v>
      </c>
      <c r="B130" s="51">
        <v>352</v>
      </c>
      <c r="C130" s="165">
        <v>3.840428482772186</v>
      </c>
      <c r="D130" s="84">
        <v>0.15028818383333414</v>
      </c>
    </row>
    <row r="131" spans="1:4">
      <c r="A131" s="47" t="s">
        <v>578</v>
      </c>
      <c r="B131" s="47">
        <v>109</v>
      </c>
      <c r="C131" s="167">
        <v>3.281584408402737</v>
      </c>
      <c r="D131" s="85">
        <v>0.28684721819228626</v>
      </c>
    </row>
    <row r="132" spans="1:4">
      <c r="A132" s="43" t="s">
        <v>581</v>
      </c>
      <c r="B132" s="51">
        <v>9113</v>
      </c>
      <c r="C132" s="165">
        <v>5.0760196511724072</v>
      </c>
      <c r="D132" s="84">
        <v>2.7474850660760507E-2</v>
      </c>
    </row>
    <row r="133" spans="1:4">
      <c r="A133" s="47" t="s">
        <v>580</v>
      </c>
      <c r="B133" s="47">
        <v>3329</v>
      </c>
      <c r="C133" s="167">
        <v>4.8677924777406956</v>
      </c>
      <c r="D133" s="85">
        <v>4.9006097233417506E-2</v>
      </c>
    </row>
    <row r="134" spans="1:4">
      <c r="A134" s="43" t="s">
        <v>583</v>
      </c>
      <c r="B134" s="164">
        <v>736</v>
      </c>
      <c r="C134" s="165">
        <v>4.7279186639823836</v>
      </c>
      <c r="D134" s="84">
        <v>0.11417188877463082</v>
      </c>
    </row>
    <row r="135" spans="1:4">
      <c r="A135" s="47" t="s">
        <v>582</v>
      </c>
      <c r="B135" s="166">
        <v>2593</v>
      </c>
      <c r="C135" s="167">
        <v>4.9174462524375304</v>
      </c>
      <c r="D135" s="85">
        <v>5.3748860551514135E-2</v>
      </c>
    </row>
    <row r="136" spans="1:4">
      <c r="A136" s="43" t="s">
        <v>568</v>
      </c>
      <c r="B136" s="81">
        <v>7978</v>
      </c>
      <c r="C136" s="165">
        <v>5.0423281117715772</v>
      </c>
      <c r="D136" s="84">
        <v>3.0512170377039179E-2</v>
      </c>
    </row>
    <row r="137" spans="1:4">
      <c r="A137" s="47" t="s">
        <v>569</v>
      </c>
      <c r="B137" s="166">
        <v>4373</v>
      </c>
      <c r="C137" s="167">
        <v>5.079677338956845</v>
      </c>
      <c r="D137" s="85">
        <v>3.9053854941239162E-2</v>
      </c>
    </row>
    <row r="138" spans="1:4">
      <c r="A138" s="55" t="s">
        <v>570</v>
      </c>
      <c r="B138" s="164">
        <v>1742</v>
      </c>
      <c r="C138" s="165">
        <v>4.9631031261900596</v>
      </c>
      <c r="D138" s="84">
        <v>6.0155985264159495E-2</v>
      </c>
    </row>
    <row r="139" spans="1:4">
      <c r="A139" s="47" t="s">
        <v>571</v>
      </c>
      <c r="B139" s="166">
        <v>3638</v>
      </c>
      <c r="C139" s="167">
        <v>4.870101034033679</v>
      </c>
      <c r="D139" s="85">
        <v>4.2993615391980884E-2</v>
      </c>
    </row>
    <row r="140" spans="1:4">
      <c r="A140" s="55" t="s">
        <v>572</v>
      </c>
      <c r="B140" s="164">
        <v>3710</v>
      </c>
      <c r="C140" s="165">
        <v>5.0492623764306979</v>
      </c>
      <c r="D140" s="84">
        <v>4.4749959151376612E-2</v>
      </c>
    </row>
    <row r="141" spans="1:4">
      <c r="A141" s="47" t="s">
        <v>573</v>
      </c>
      <c r="B141" s="166">
        <v>3216</v>
      </c>
      <c r="C141" s="167">
        <v>5.5174304226984052</v>
      </c>
      <c r="D141" s="85">
        <v>4.6514647914023446E-2</v>
      </c>
    </row>
    <row r="142" spans="1:4">
      <c r="A142" s="55" t="s">
        <v>579</v>
      </c>
      <c r="B142" s="164">
        <v>9591</v>
      </c>
      <c r="C142" s="165">
        <v>5.0185065442769199</v>
      </c>
      <c r="D142" s="84">
        <v>2.7643704408514953E-2</v>
      </c>
    </row>
    <row r="143" spans="1:4">
      <c r="A143" s="47" t="s">
        <v>585</v>
      </c>
      <c r="B143" s="166">
        <v>1543</v>
      </c>
      <c r="C143" s="167">
        <v>5.1915386964142964</v>
      </c>
      <c r="D143" s="85">
        <v>6.6890470046994693E-2</v>
      </c>
    </row>
    <row r="144" spans="1:4">
      <c r="A144" s="55" t="s">
        <v>586</v>
      </c>
      <c r="B144" s="164">
        <v>902</v>
      </c>
      <c r="C144" s="165">
        <v>5.1797556694124474</v>
      </c>
      <c r="D144" s="84">
        <v>8.2298100865107249E-2</v>
      </c>
    </row>
    <row r="145" spans="1:34">
      <c r="A145" s="47" t="s">
        <v>584</v>
      </c>
      <c r="B145" s="166">
        <v>289</v>
      </c>
      <c r="C145" s="167">
        <v>4.6398079080354053</v>
      </c>
      <c r="D145" s="85">
        <v>0.17547664254879305</v>
      </c>
    </row>
    <row r="146" spans="1:34">
      <c r="A146" s="55" t="s">
        <v>587</v>
      </c>
      <c r="B146" s="164">
        <v>11710</v>
      </c>
      <c r="C146" s="165">
        <v>5.0705510718103532</v>
      </c>
      <c r="D146" s="84">
        <v>2.4634971289293456E-2</v>
      </c>
    </row>
    <row r="148" spans="1:34" ht="18.75">
      <c r="A148" s="337" t="s">
        <v>510</v>
      </c>
      <c r="B148" s="337"/>
      <c r="C148" s="337"/>
      <c r="D148" s="337"/>
      <c r="E148" s="337"/>
      <c r="F148" s="337"/>
      <c r="G148" s="337"/>
      <c r="H148" s="337"/>
      <c r="I148" s="337"/>
      <c r="J148" s="337"/>
      <c r="K148" s="337"/>
      <c r="L148" s="337"/>
      <c r="M148" s="337"/>
      <c r="N148" s="337"/>
      <c r="O148" s="337"/>
      <c r="P148" s="337"/>
      <c r="Q148" s="337"/>
      <c r="R148" s="337"/>
      <c r="S148" s="337"/>
      <c r="T148" s="337"/>
      <c r="U148" s="337"/>
      <c r="V148" s="337"/>
      <c r="W148" s="337"/>
      <c r="X148" s="337"/>
      <c r="Y148" s="337"/>
      <c r="Z148" s="337"/>
      <c r="AA148" s="337"/>
      <c r="AB148" s="337"/>
      <c r="AC148" s="337"/>
      <c r="AD148" s="337"/>
      <c r="AE148" s="337"/>
      <c r="AF148" s="337"/>
      <c r="AG148" s="337"/>
      <c r="AH148" s="337"/>
    </row>
    <row r="149" spans="1:34" ht="54" customHeight="1">
      <c r="A149" s="405" t="s">
        <v>531</v>
      </c>
      <c r="B149" s="405"/>
      <c r="C149" s="405"/>
      <c r="D149" s="405"/>
      <c r="E149" s="405"/>
      <c r="F149" s="405"/>
      <c r="G149" s="405"/>
      <c r="H149" s="405"/>
      <c r="I149" s="405"/>
      <c r="J149" s="405"/>
      <c r="K149" s="405"/>
      <c r="L149" s="405"/>
      <c r="M149" s="405"/>
      <c r="N149" s="405"/>
      <c r="O149" s="405"/>
      <c r="P149" s="405"/>
      <c r="Q149" s="405"/>
      <c r="R149" s="405"/>
      <c r="S149" s="405"/>
      <c r="T149" s="405"/>
      <c r="U149" s="405"/>
      <c r="V149" s="405"/>
      <c r="W149" s="405"/>
      <c r="X149" s="405"/>
      <c r="Y149" s="405"/>
      <c r="Z149" s="405"/>
      <c r="AA149" s="405"/>
      <c r="AB149" s="405"/>
      <c r="AC149" s="405"/>
      <c r="AD149" s="405"/>
      <c r="AE149" s="405"/>
      <c r="AF149" s="405"/>
      <c r="AG149" s="405"/>
      <c r="AH149" s="405"/>
    </row>
    <row r="150" spans="1:34" ht="37.5" customHeight="1">
      <c r="A150" s="62"/>
      <c r="B150" s="383" t="s">
        <v>236</v>
      </c>
      <c r="C150" s="384"/>
      <c r="D150" s="384"/>
      <c r="E150" s="384"/>
      <c r="F150" s="384"/>
      <c r="G150" s="384"/>
      <c r="H150" s="384"/>
      <c r="I150" s="384"/>
      <c r="J150" s="384"/>
      <c r="K150" s="384"/>
      <c r="L150" s="385"/>
      <c r="M150" s="383" t="s">
        <v>419</v>
      </c>
      <c r="N150" s="384"/>
      <c r="O150" s="384"/>
      <c r="P150" s="384"/>
      <c r="Q150" s="384"/>
      <c r="R150" s="384"/>
      <c r="S150" s="384"/>
      <c r="T150" s="384"/>
      <c r="U150" s="384"/>
      <c r="V150" s="384"/>
      <c r="W150" s="385"/>
      <c r="X150" s="383" t="s">
        <v>538</v>
      </c>
      <c r="Y150" s="384"/>
      <c r="Z150" s="384"/>
      <c r="AA150" s="384"/>
      <c r="AB150" s="384"/>
      <c r="AC150" s="384"/>
      <c r="AD150" s="384"/>
      <c r="AE150" s="384"/>
      <c r="AF150" s="384"/>
      <c r="AG150" s="384"/>
      <c r="AH150" s="385"/>
    </row>
    <row r="151" spans="1:34" ht="39" customHeight="1">
      <c r="A151" s="35" t="s">
        <v>70</v>
      </c>
      <c r="B151" s="36" t="s">
        <v>71</v>
      </c>
      <c r="C151" s="37" t="s">
        <v>551</v>
      </c>
      <c r="D151" s="38" t="s">
        <v>72</v>
      </c>
      <c r="E151" s="36" t="s">
        <v>311</v>
      </c>
      <c r="F151" s="87" t="s">
        <v>142</v>
      </c>
      <c r="G151" s="36" t="s">
        <v>312</v>
      </c>
      <c r="H151" s="87" t="s">
        <v>143</v>
      </c>
      <c r="I151" s="36" t="s">
        <v>313</v>
      </c>
      <c r="J151" s="87" t="s">
        <v>116</v>
      </c>
      <c r="K151" s="36" t="s">
        <v>300</v>
      </c>
      <c r="L151" s="87" t="s">
        <v>314</v>
      </c>
      <c r="M151" s="63" t="s">
        <v>71</v>
      </c>
      <c r="N151" s="64" t="s">
        <v>551</v>
      </c>
      <c r="O151" s="65" t="s">
        <v>72</v>
      </c>
      <c r="P151" s="63" t="s">
        <v>311</v>
      </c>
      <c r="Q151" s="86" t="s">
        <v>142</v>
      </c>
      <c r="R151" s="63" t="s">
        <v>312</v>
      </c>
      <c r="S151" s="86" t="s">
        <v>143</v>
      </c>
      <c r="T151" s="63" t="s">
        <v>313</v>
      </c>
      <c r="U151" s="86" t="s">
        <v>116</v>
      </c>
      <c r="V151" s="63" t="s">
        <v>300</v>
      </c>
      <c r="W151" s="86" t="s">
        <v>314</v>
      </c>
      <c r="X151" s="36" t="s">
        <v>71</v>
      </c>
      <c r="Y151" s="37" t="s">
        <v>551</v>
      </c>
      <c r="Z151" s="38" t="s">
        <v>72</v>
      </c>
      <c r="AA151" s="36" t="s">
        <v>534</v>
      </c>
      <c r="AB151" s="87" t="s">
        <v>324</v>
      </c>
      <c r="AC151" s="36" t="s">
        <v>325</v>
      </c>
      <c r="AD151" s="87" t="s">
        <v>326</v>
      </c>
      <c r="AE151" s="36" t="s">
        <v>298</v>
      </c>
      <c r="AF151" s="87" t="s">
        <v>327</v>
      </c>
      <c r="AG151" s="36" t="s">
        <v>300</v>
      </c>
      <c r="AH151" s="87" t="s">
        <v>314</v>
      </c>
    </row>
    <row r="152" spans="1:34" ht="72">
      <c r="A152" s="39"/>
      <c r="B152" s="40" t="s">
        <v>73</v>
      </c>
      <c r="C152" s="126" t="s">
        <v>303</v>
      </c>
      <c r="D152" s="42" t="s">
        <v>75</v>
      </c>
      <c r="E152" s="40" t="s">
        <v>158</v>
      </c>
      <c r="F152" s="89" t="s">
        <v>87</v>
      </c>
      <c r="G152" s="40" t="s">
        <v>159</v>
      </c>
      <c r="H152" s="89" t="s">
        <v>87</v>
      </c>
      <c r="I152" s="40" t="s">
        <v>160</v>
      </c>
      <c r="J152" s="89" t="s">
        <v>87</v>
      </c>
      <c r="K152" s="40" t="s">
        <v>300</v>
      </c>
      <c r="L152" s="89" t="s">
        <v>87</v>
      </c>
      <c r="M152" s="66" t="s">
        <v>73</v>
      </c>
      <c r="N152" s="260" t="s">
        <v>303</v>
      </c>
      <c r="O152" s="68" t="s">
        <v>75</v>
      </c>
      <c r="P152" s="66" t="s">
        <v>158</v>
      </c>
      <c r="Q152" s="88" t="s">
        <v>87</v>
      </c>
      <c r="R152" s="66" t="s">
        <v>159</v>
      </c>
      <c r="S152" s="88" t="s">
        <v>87</v>
      </c>
      <c r="T152" s="66" t="s">
        <v>160</v>
      </c>
      <c r="U152" s="88" t="s">
        <v>87</v>
      </c>
      <c r="V152" s="66" t="s">
        <v>300</v>
      </c>
      <c r="W152" s="88" t="s">
        <v>87</v>
      </c>
      <c r="X152" s="40" t="s">
        <v>73</v>
      </c>
      <c r="Y152" s="126" t="s">
        <v>537</v>
      </c>
      <c r="Z152" s="42" t="s">
        <v>75</v>
      </c>
      <c r="AA152" s="40" t="s">
        <v>160</v>
      </c>
      <c r="AB152" s="89" t="s">
        <v>87</v>
      </c>
      <c r="AC152" s="40" t="s">
        <v>159</v>
      </c>
      <c r="AD152" s="89" t="s">
        <v>87</v>
      </c>
      <c r="AE152" s="40" t="s">
        <v>158</v>
      </c>
      <c r="AF152" s="89" t="s">
        <v>87</v>
      </c>
      <c r="AG152" s="40" t="s">
        <v>300</v>
      </c>
      <c r="AH152" s="89" t="s">
        <v>87</v>
      </c>
    </row>
    <row r="153" spans="1:34">
      <c r="A153" s="43" t="s">
        <v>348</v>
      </c>
      <c r="B153" s="194">
        <v>12507</v>
      </c>
      <c r="C153" s="82">
        <v>5.2164135226083417</v>
      </c>
      <c r="D153" s="83">
        <v>3.1099185849462325E-2</v>
      </c>
      <c r="E153" s="196">
        <v>0.15514203479273816</v>
      </c>
      <c r="F153" s="92">
        <v>6.4753985732475374E-3</v>
      </c>
      <c r="G153" s="196">
        <v>0.12937531489276466</v>
      </c>
      <c r="H153" s="92">
        <v>6.0033604623443582E-3</v>
      </c>
      <c r="I153" s="196">
        <v>0.70017979214279147</v>
      </c>
      <c r="J153" s="92">
        <v>8.1930521479739241E-3</v>
      </c>
      <c r="K153" s="196">
        <v>1.5302858171722111E-2</v>
      </c>
      <c r="L153" s="92">
        <v>2.2058467541656158E-3</v>
      </c>
      <c r="M153" s="194">
        <v>12545</v>
      </c>
      <c r="N153" s="82">
        <v>5.5809000888620828</v>
      </c>
      <c r="O153" s="83">
        <v>2.8485804559351402E-2</v>
      </c>
      <c r="P153" s="196">
        <v>0.10303000187141914</v>
      </c>
      <c r="Q153" s="92">
        <v>5.4304039339801496E-3</v>
      </c>
      <c r="R153" s="196">
        <v>9.6175631195178579E-2</v>
      </c>
      <c r="S153" s="92">
        <v>5.2669535092441126E-3</v>
      </c>
      <c r="T153" s="196">
        <v>0.78972530671992347</v>
      </c>
      <c r="U153" s="92">
        <v>7.2765735021415937E-3</v>
      </c>
      <c r="V153" s="196">
        <v>1.1069060213482133E-2</v>
      </c>
      <c r="W153" s="92">
        <v>1.8808994286726034E-3</v>
      </c>
      <c r="X153" s="194">
        <v>12649</v>
      </c>
      <c r="Y153" s="82">
        <v>4.3725237357445605</v>
      </c>
      <c r="Z153" s="83">
        <v>3.2709499857835909E-2</v>
      </c>
      <c r="AA153" s="196">
        <v>0.32826221083340862</v>
      </c>
      <c r="AB153" s="92">
        <v>8.3495282238207486E-3</v>
      </c>
      <c r="AC153" s="196">
        <v>0.18179873847710692</v>
      </c>
      <c r="AD153" s="92">
        <v>6.8588636118216547E-3</v>
      </c>
      <c r="AE153" s="196">
        <v>0.47107177962861668</v>
      </c>
      <c r="AF153" s="92">
        <v>8.8751482471448907E-3</v>
      </c>
      <c r="AG153" s="196">
        <v>1.8867271060888372E-2</v>
      </c>
      <c r="AH153" s="92">
        <v>2.4286310416995554E-3</v>
      </c>
    </row>
    <row r="154" spans="1:34">
      <c r="A154" s="47" t="s">
        <v>349</v>
      </c>
      <c r="B154" s="47">
        <v>8846</v>
      </c>
      <c r="C154" s="178">
        <v>4.980654228510824</v>
      </c>
      <c r="D154" s="130">
        <v>3.8495679022687593E-2</v>
      </c>
      <c r="E154" s="197">
        <v>0.20884742389537184</v>
      </c>
      <c r="F154" s="95">
        <v>8.6437799902133374E-3</v>
      </c>
      <c r="G154" s="197">
        <v>0.13464180845957277</v>
      </c>
      <c r="H154" s="95">
        <v>7.2605747687886713E-3</v>
      </c>
      <c r="I154" s="197">
        <v>0.64666464982328042</v>
      </c>
      <c r="J154" s="95">
        <v>1.0162719522046558E-2</v>
      </c>
      <c r="K154" s="197">
        <v>9.8461178217776994E-3</v>
      </c>
      <c r="L154" s="95">
        <v>2.1223905715983872E-3</v>
      </c>
      <c r="M154" s="47">
        <v>8864</v>
      </c>
      <c r="N154" s="178">
        <v>5.450885009369423</v>
      </c>
      <c r="O154" s="130">
        <v>3.5784229781252008E-2</v>
      </c>
      <c r="P154" s="197">
        <v>0.14196441125623155</v>
      </c>
      <c r="Q154" s="95">
        <v>7.4159288450063188E-3</v>
      </c>
      <c r="R154" s="197">
        <v>9.5155634138057194E-2</v>
      </c>
      <c r="S154" s="95">
        <v>6.2372599105135814E-3</v>
      </c>
      <c r="T154" s="197">
        <v>0.75722761678665496</v>
      </c>
      <c r="U154" s="95">
        <v>9.1075275911893065E-3</v>
      </c>
      <c r="V154" s="197">
        <v>5.6523378190561305E-3</v>
      </c>
      <c r="W154" s="95">
        <v>1.6231299091540978E-3</v>
      </c>
      <c r="X154" s="47">
        <v>8863</v>
      </c>
      <c r="Y154" s="178">
        <v>4.2571311641492038</v>
      </c>
      <c r="Z154" s="130">
        <v>3.9404799036750073E-2</v>
      </c>
      <c r="AA154" s="197">
        <v>0.35071228973515423</v>
      </c>
      <c r="AB154" s="95">
        <v>1.0135726767912743E-2</v>
      </c>
      <c r="AC154" s="197">
        <v>0.18304893564791436</v>
      </c>
      <c r="AD154" s="95">
        <v>8.2158936193938992E-3</v>
      </c>
      <c r="AE154" s="197">
        <v>0.45320453745019956</v>
      </c>
      <c r="AF154" s="95">
        <v>1.0573114806457366E-2</v>
      </c>
      <c r="AG154" s="197">
        <v>1.3034237166735687E-2</v>
      </c>
      <c r="AH154" s="95">
        <v>2.4289378411923349E-3</v>
      </c>
    </row>
    <row r="155" spans="1:34">
      <c r="A155" s="43" t="s">
        <v>350</v>
      </c>
      <c r="B155" s="51">
        <v>3661</v>
      </c>
      <c r="C155" s="82">
        <v>5.4069519698716695</v>
      </c>
      <c r="D155" s="83">
        <v>4.9309312593663245E-2</v>
      </c>
      <c r="E155" s="196">
        <v>0.11216844611282635</v>
      </c>
      <c r="F155" s="92">
        <v>1.0442584156095225E-2</v>
      </c>
      <c r="G155" s="196">
        <v>0.12516121027296337</v>
      </c>
      <c r="H155" s="92">
        <v>1.0947096306451938E-2</v>
      </c>
      <c r="I155" s="196">
        <v>0.74300115053178994</v>
      </c>
      <c r="J155" s="92">
        <v>1.4441083749334883E-2</v>
      </c>
      <c r="K155" s="196">
        <v>1.9669193082421602E-2</v>
      </c>
      <c r="L155" s="92">
        <v>4.6469522710023857E-3</v>
      </c>
      <c r="M155" s="51">
        <v>3681</v>
      </c>
      <c r="N155" s="82">
        <v>5.6857423297410836</v>
      </c>
      <c r="O155" s="83">
        <v>4.3552056733459819E-2</v>
      </c>
      <c r="P155" s="196">
        <v>7.1941465290275897E-2</v>
      </c>
      <c r="Q155" s="92">
        <v>8.5384258429894548E-3</v>
      </c>
      <c r="R155" s="196">
        <v>9.6990083406574515E-2</v>
      </c>
      <c r="S155" s="92">
        <v>9.769968500570176E-3</v>
      </c>
      <c r="T155" s="196">
        <v>0.8156742202454258</v>
      </c>
      <c r="U155" s="92">
        <v>1.2784234109185591E-2</v>
      </c>
      <c r="V155" s="196">
        <v>1.5394231057724186E-2</v>
      </c>
      <c r="W155" s="92">
        <v>4.1238370520265202E-3</v>
      </c>
      <c r="X155" s="51">
        <v>3786</v>
      </c>
      <c r="Y155" s="82">
        <v>4.4631843282467774</v>
      </c>
      <c r="Z155" s="83">
        <v>5.8081977406013091E-2</v>
      </c>
      <c r="AA155" s="196">
        <v>0.31080912089189833</v>
      </c>
      <c r="AB155" s="92">
        <v>1.5038466922709192E-2</v>
      </c>
      <c r="AC155" s="196">
        <v>0.18082681299914533</v>
      </c>
      <c r="AD155" s="92">
        <v>1.2512511752612167E-2</v>
      </c>
      <c r="AE155" s="196">
        <v>0.48496209093268411</v>
      </c>
      <c r="AF155" s="92">
        <v>1.6236196520193955E-2</v>
      </c>
      <c r="AG155" s="196">
        <v>2.3401975176272394E-2</v>
      </c>
      <c r="AH155" s="92">
        <v>4.9625013790381449E-3</v>
      </c>
    </row>
    <row r="156" spans="1:34">
      <c r="A156" s="47" t="s">
        <v>574</v>
      </c>
      <c r="B156" s="47">
        <v>4915</v>
      </c>
      <c r="C156" s="178">
        <v>5.3943834815776919</v>
      </c>
      <c r="D156" s="130">
        <v>4.3296378006387581E-2</v>
      </c>
      <c r="E156" s="197">
        <v>0.11835138818417262</v>
      </c>
      <c r="F156" s="95">
        <v>9.2218540389376307E-3</v>
      </c>
      <c r="G156" s="197">
        <v>0.12637187250104162</v>
      </c>
      <c r="H156" s="95">
        <v>9.4847526289687286E-3</v>
      </c>
      <c r="I156" s="197">
        <v>0.73709323811421368</v>
      </c>
      <c r="J156" s="95">
        <v>1.2556137215406004E-2</v>
      </c>
      <c r="K156" s="197">
        <v>1.8183501200572563E-2</v>
      </c>
      <c r="L156" s="95">
        <v>3.8502418705451276E-3</v>
      </c>
      <c r="M156" s="47">
        <v>4940</v>
      </c>
      <c r="N156" s="178">
        <v>5.693900558686332</v>
      </c>
      <c r="O156" s="130">
        <v>3.8581415843486559E-2</v>
      </c>
      <c r="P156" s="197">
        <v>7.7440422864740274E-2</v>
      </c>
      <c r="Q156" s="95">
        <v>7.618121249862421E-3</v>
      </c>
      <c r="R156" s="197">
        <v>9.2905801922604475E-2</v>
      </c>
      <c r="S156" s="95">
        <v>8.2704277814969005E-3</v>
      </c>
      <c r="T156" s="197">
        <v>0.81572112881484815</v>
      </c>
      <c r="U156" s="95">
        <v>1.1033979505098997E-2</v>
      </c>
      <c r="V156" s="197">
        <v>1.393264639780863E-2</v>
      </c>
      <c r="W156" s="95">
        <v>3.3800137428749545E-3</v>
      </c>
      <c r="X156" s="47">
        <v>5022</v>
      </c>
      <c r="Y156" s="178">
        <v>4.4825214576708561</v>
      </c>
      <c r="Z156" s="130">
        <v>5.0587962821228266E-2</v>
      </c>
      <c r="AA156" s="197">
        <v>0.30431815059744749</v>
      </c>
      <c r="AB156" s="95">
        <v>1.2982265868986981E-2</v>
      </c>
      <c r="AC156" s="197">
        <v>0.18017859990115845</v>
      </c>
      <c r="AD156" s="95">
        <v>1.0848485063573976E-2</v>
      </c>
      <c r="AE156" s="197">
        <v>0.49435455671625911</v>
      </c>
      <c r="AF156" s="95">
        <v>1.4104611141590119E-2</v>
      </c>
      <c r="AG156" s="197">
        <v>2.1148692785136487E-2</v>
      </c>
      <c r="AH156" s="95">
        <v>4.0946093633417811E-3</v>
      </c>
    </row>
    <row r="157" spans="1:34">
      <c r="A157" s="43" t="s">
        <v>575</v>
      </c>
      <c r="B157" s="51">
        <v>4511</v>
      </c>
      <c r="C157" s="82">
        <v>5.0272018026549006</v>
      </c>
      <c r="D157" s="83">
        <v>5.1316999298803553E-2</v>
      </c>
      <c r="E157" s="196">
        <v>0.19793456530844572</v>
      </c>
      <c r="F157" s="92">
        <v>1.1865547000975677E-2</v>
      </c>
      <c r="G157" s="196">
        <v>0.13263381815377215</v>
      </c>
      <c r="H157" s="92">
        <v>1.010602094987699E-2</v>
      </c>
      <c r="I157" s="196">
        <v>0.66138751176024324</v>
      </c>
      <c r="J157" s="92">
        <v>1.4087220810427851E-2</v>
      </c>
      <c r="K157" s="196">
        <v>8.0441047775373625E-3</v>
      </c>
      <c r="L157" s="92">
        <v>2.7292820284782124E-3</v>
      </c>
      <c r="M157" s="51">
        <v>4523</v>
      </c>
      <c r="N157" s="82">
        <v>5.5710798292602206</v>
      </c>
      <c r="O157" s="83">
        <v>4.6232498253759545E-2</v>
      </c>
      <c r="P157" s="196">
        <v>0.11526075196780745</v>
      </c>
      <c r="Q157" s="92">
        <v>9.504497917440631E-3</v>
      </c>
      <c r="R157" s="196">
        <v>9.9171461079145262E-2</v>
      </c>
      <c r="S157" s="92">
        <v>8.8987271440982407E-3</v>
      </c>
      <c r="T157" s="196">
        <v>0.78262968028007096</v>
      </c>
      <c r="U157" s="92">
        <v>1.2265437838529162E-2</v>
      </c>
      <c r="V157" s="196">
        <v>2.9381066729772375E-3</v>
      </c>
      <c r="W157" s="92">
        <v>1.724547775372919E-3</v>
      </c>
      <c r="X157" s="51">
        <v>4513</v>
      </c>
      <c r="Y157" s="82">
        <v>4.2607351955399491</v>
      </c>
      <c r="Z157" s="83">
        <v>5.4423625262271853E-2</v>
      </c>
      <c r="AA157" s="196">
        <v>0.35612758679352052</v>
      </c>
      <c r="AB157" s="92">
        <v>1.4250902435687756E-2</v>
      </c>
      <c r="AC157" s="196">
        <v>0.18989154993413912</v>
      </c>
      <c r="AD157" s="92">
        <v>1.167802855740774E-2</v>
      </c>
      <c r="AE157" s="196">
        <v>0.44227901123182251</v>
      </c>
      <c r="AF157" s="92">
        <v>1.4779740263126999E-2</v>
      </c>
      <c r="AG157" s="196">
        <v>1.1701852040517895E-2</v>
      </c>
      <c r="AH157" s="92">
        <v>3.2580712936970684E-3</v>
      </c>
    </row>
    <row r="158" spans="1:34">
      <c r="A158" s="47" t="s">
        <v>576</v>
      </c>
      <c r="B158" s="47">
        <v>2553</v>
      </c>
      <c r="C158" s="178">
        <v>4.5669707750031021</v>
      </c>
      <c r="D158" s="130">
        <v>7.4224512985044164E-2</v>
      </c>
      <c r="E158" s="197">
        <v>0.28179932234725713</v>
      </c>
      <c r="F158" s="95">
        <v>1.7799883042517853E-2</v>
      </c>
      <c r="G158" s="197">
        <v>0.15385148329523787</v>
      </c>
      <c r="H158" s="95">
        <v>1.4291002346954877E-2</v>
      </c>
      <c r="I158" s="197">
        <v>0.55496078116079139</v>
      </c>
      <c r="J158" s="95">
        <v>1.9656365675304443E-2</v>
      </c>
      <c r="K158" s="197">
        <v>9.3884131967107189E-3</v>
      </c>
      <c r="L158" s="95">
        <v>3.9655834639956379E-3</v>
      </c>
      <c r="M158" s="47">
        <v>2552</v>
      </c>
      <c r="N158" s="178">
        <v>5.0696707147914024</v>
      </c>
      <c r="O158" s="130">
        <v>7.051025158490408E-2</v>
      </c>
      <c r="P158" s="197">
        <v>0.21042073376756931</v>
      </c>
      <c r="Q158" s="95">
        <v>1.6137423518688025E-2</v>
      </c>
      <c r="R158" s="197">
        <v>0.10489604142891716</v>
      </c>
      <c r="S158" s="95">
        <v>1.2153238962904482E-2</v>
      </c>
      <c r="T158" s="197">
        <v>0.67955040497837005</v>
      </c>
      <c r="U158" s="95">
        <v>1.8464637590262446E-2</v>
      </c>
      <c r="V158" s="197">
        <v>5.1328198251403643E-3</v>
      </c>
      <c r="W158" s="95">
        <v>3.0314894405241914E-3</v>
      </c>
      <c r="X158" s="47">
        <v>2553</v>
      </c>
      <c r="Y158" s="178">
        <v>3.9469686013781713</v>
      </c>
      <c r="Z158" s="130">
        <v>7.3887668316780564E-2</v>
      </c>
      <c r="AA158" s="197">
        <v>0.4141779122809669</v>
      </c>
      <c r="AB158" s="95">
        <v>1.9483257765117928E-2</v>
      </c>
      <c r="AC158" s="197">
        <v>0.18284449204366751</v>
      </c>
      <c r="AD158" s="95">
        <v>1.5304335053775805E-2</v>
      </c>
      <c r="AE158" s="197">
        <v>0.39373425149833657</v>
      </c>
      <c r="AF158" s="95">
        <v>1.9325460793304914E-2</v>
      </c>
      <c r="AG158" s="197">
        <v>9.2433441770255077E-3</v>
      </c>
      <c r="AH158" s="95">
        <v>3.9374916357653462E-3</v>
      </c>
    </row>
    <row r="159" spans="1:34">
      <c r="A159" s="43" t="s">
        <v>577</v>
      </c>
      <c r="B159" s="51">
        <v>348</v>
      </c>
      <c r="C159" s="82">
        <v>3.8573301283720127</v>
      </c>
      <c r="D159" s="83">
        <v>0.20187246293064054</v>
      </c>
      <c r="E159" s="196">
        <v>0.42908552177469522</v>
      </c>
      <c r="F159" s="92">
        <v>5.2773613815787941E-2</v>
      </c>
      <c r="G159" s="196">
        <v>0.15350401977040015</v>
      </c>
      <c r="H159" s="92">
        <v>3.8825608981816466E-2</v>
      </c>
      <c r="I159" s="196">
        <v>0.41445713031601011</v>
      </c>
      <c r="J159" s="92">
        <v>5.2532217517710478E-2</v>
      </c>
      <c r="K159" s="196">
        <v>2.9533281388941703E-3</v>
      </c>
      <c r="L159" s="92">
        <v>9.8440097705161309E-3</v>
      </c>
      <c r="M159" s="51">
        <v>351</v>
      </c>
      <c r="N159" s="82">
        <v>4.1781657137677177</v>
      </c>
      <c r="O159" s="83">
        <v>0.19853848956314979</v>
      </c>
      <c r="P159" s="196">
        <v>0.36090926809151957</v>
      </c>
      <c r="Q159" s="92">
        <v>5.1027447299488819E-2</v>
      </c>
      <c r="R159" s="196">
        <v>0.17592983486717323</v>
      </c>
      <c r="S159" s="92">
        <v>4.074404831178479E-2</v>
      </c>
      <c r="T159" s="196">
        <v>0.45337147544149253</v>
      </c>
      <c r="U159" s="92">
        <v>5.284838810842913E-2</v>
      </c>
      <c r="V159" s="196">
        <v>9.7894215998143522E-3</v>
      </c>
      <c r="W159" s="92">
        <v>1.3034487525285091E-2</v>
      </c>
      <c r="X159" s="51">
        <v>353</v>
      </c>
      <c r="Y159" s="82">
        <v>3.4787952038575845</v>
      </c>
      <c r="Z159" s="83">
        <v>0.18606522458638383</v>
      </c>
      <c r="AA159" s="196">
        <v>0.55056991886986129</v>
      </c>
      <c r="AB159" s="92">
        <v>5.266028423642357E-2</v>
      </c>
      <c r="AC159" s="196">
        <v>0.13748515164896896</v>
      </c>
      <c r="AD159" s="92">
        <v>3.6898134541530916E-2</v>
      </c>
      <c r="AE159" s="196">
        <v>0.30903812883014481</v>
      </c>
      <c r="AF159" s="92">
        <v>4.9006506260972603E-2</v>
      </c>
      <c r="AG159" s="196">
        <v>2.906800651024488E-3</v>
      </c>
      <c r="AH159" s="92">
        <v>9.7040935477768243E-3</v>
      </c>
    </row>
    <row r="160" spans="1:34">
      <c r="A160" s="47" t="s">
        <v>578</v>
      </c>
      <c r="B160" s="47">
        <v>109</v>
      </c>
      <c r="C160" s="178">
        <v>3.1990144017347091</v>
      </c>
      <c r="D160" s="130">
        <v>0.37620077349776559</v>
      </c>
      <c r="E160" s="197">
        <v>0.63126580867482929</v>
      </c>
      <c r="F160" s="95">
        <v>9.1005702485063636E-2</v>
      </c>
      <c r="G160" s="197">
        <v>5.887965404060342E-2</v>
      </c>
      <c r="H160" s="95">
        <v>4.9401765586202628E-2</v>
      </c>
      <c r="I160" s="197">
        <v>0.30985453728456691</v>
      </c>
      <c r="J160" s="95">
        <v>8.7514158897088704E-2</v>
      </c>
      <c r="K160" s="197">
        <v>0</v>
      </c>
      <c r="L160" s="95">
        <v>2.4807832313658393E-2</v>
      </c>
      <c r="M160" s="47">
        <v>109</v>
      </c>
      <c r="N160" s="178">
        <v>3.553117682397501</v>
      </c>
      <c r="O160" s="130">
        <v>0.38015905735586436</v>
      </c>
      <c r="P160" s="197">
        <v>0.52411717067169949</v>
      </c>
      <c r="Q160" s="95">
        <v>9.3970210149158226E-2</v>
      </c>
      <c r="R160" s="197">
        <v>0.13370736206703707</v>
      </c>
      <c r="S160" s="95">
        <v>6.6561666243422149E-2</v>
      </c>
      <c r="T160" s="197">
        <v>0.34217546726126291</v>
      </c>
      <c r="U160" s="95">
        <v>8.9605555505095746E-2</v>
      </c>
      <c r="V160" s="197">
        <v>0</v>
      </c>
      <c r="W160" s="95">
        <v>2.4807832313658393E-2</v>
      </c>
      <c r="X160" s="47">
        <v>109</v>
      </c>
      <c r="Y160" s="178">
        <v>3.0926211410759969</v>
      </c>
      <c r="Z160" s="130">
        <v>0.32287326025034874</v>
      </c>
      <c r="AA160" s="197">
        <v>0.67835023044176568</v>
      </c>
      <c r="AB160" s="95">
        <v>8.8328287201909605E-2</v>
      </c>
      <c r="AC160" s="197">
        <v>0.11902945992959041</v>
      </c>
      <c r="AD160" s="95">
        <v>6.3790275759660856E-2</v>
      </c>
      <c r="AE160" s="197">
        <v>0.20262030962864361</v>
      </c>
      <c r="AF160" s="95">
        <v>7.705080965857726E-2</v>
      </c>
      <c r="AG160" s="197">
        <v>0</v>
      </c>
      <c r="AH160" s="95">
        <v>2.4807832313658393E-2</v>
      </c>
    </row>
    <row r="161" spans="1:34">
      <c r="A161" s="43" t="s">
        <v>581</v>
      </c>
      <c r="B161" s="51">
        <v>9144</v>
      </c>
      <c r="C161" s="82">
        <v>5.2384944774476612</v>
      </c>
      <c r="D161" s="83">
        <v>3.5685249608027311E-2</v>
      </c>
      <c r="E161" s="196">
        <v>0.14844543413343822</v>
      </c>
      <c r="F161" s="92">
        <v>7.4377593638719165E-3</v>
      </c>
      <c r="G161" s="196">
        <v>0.1309792363936636</v>
      </c>
      <c r="H161" s="92">
        <v>7.0584646157794912E-3</v>
      </c>
      <c r="I161" s="196">
        <v>0.70413401560387701</v>
      </c>
      <c r="J161" s="92">
        <v>9.5450909523565157E-3</v>
      </c>
      <c r="K161" s="196">
        <v>1.6441313869046525E-2</v>
      </c>
      <c r="L161" s="92">
        <v>2.6758599315627966E-3</v>
      </c>
      <c r="M161" s="51">
        <v>9173</v>
      </c>
      <c r="N161" s="82">
        <v>5.6059997698032067</v>
      </c>
      <c r="O161" s="83">
        <v>3.2472982599052451E-2</v>
      </c>
      <c r="P161" s="196">
        <v>9.6532950577259982E-2</v>
      </c>
      <c r="Q161" s="92">
        <v>6.1705878271948482E-3</v>
      </c>
      <c r="R161" s="196">
        <v>9.554194937647921E-2</v>
      </c>
      <c r="S161" s="92">
        <v>6.1422695377705621E-3</v>
      </c>
      <c r="T161" s="196">
        <v>0.79572633813931715</v>
      </c>
      <c r="U161" s="92">
        <v>8.4191739821324798E-3</v>
      </c>
      <c r="V161" s="196">
        <v>1.2198761906961621E-2</v>
      </c>
      <c r="W161" s="92">
        <v>2.3114139018581949E-3</v>
      </c>
      <c r="X161" s="51">
        <v>9201</v>
      </c>
      <c r="Y161" s="82">
        <v>4.377122210726867</v>
      </c>
      <c r="Z161" s="83">
        <v>3.8345869245010794E-2</v>
      </c>
      <c r="AA161" s="196">
        <v>0.32779633859106577</v>
      </c>
      <c r="AB161" s="92">
        <v>9.7857919057460375E-3</v>
      </c>
      <c r="AC161" s="196">
        <v>0.18199707322705727</v>
      </c>
      <c r="AD161" s="92">
        <v>8.0455522035187098E-3</v>
      </c>
      <c r="AE161" s="196">
        <v>0.47167537133216675</v>
      </c>
      <c r="AF161" s="92">
        <v>1.0406165650703427E-2</v>
      </c>
      <c r="AG161" s="196">
        <v>1.8531216849735747E-2</v>
      </c>
      <c r="AH161" s="92">
        <v>2.8268314327186002E-3</v>
      </c>
    </row>
    <row r="162" spans="1:34">
      <c r="A162" s="47" t="s">
        <v>580</v>
      </c>
      <c r="B162" s="47">
        <v>3323</v>
      </c>
      <c r="C162" s="178">
        <v>5.0062242544211806</v>
      </c>
      <c r="D162" s="130">
        <v>6.3293721954022775E-2</v>
      </c>
      <c r="E162" s="197">
        <v>0.21416513613955157</v>
      </c>
      <c r="F162" s="95">
        <v>1.4233011727291116E-2</v>
      </c>
      <c r="G162" s="197">
        <v>0.12390439607533801</v>
      </c>
      <c r="H162" s="95">
        <v>1.1441991196617053E-2</v>
      </c>
      <c r="I162" s="197">
        <v>0.65574447844634076</v>
      </c>
      <c r="J162" s="95">
        <v>1.6476593900862455E-2</v>
      </c>
      <c r="K162" s="197">
        <v>6.1859893387656564E-3</v>
      </c>
      <c r="L162" s="95">
        <v>2.845322135585701E-3</v>
      </c>
      <c r="M162" s="47">
        <v>3330</v>
      </c>
      <c r="N162" s="178">
        <v>5.3563866346617477</v>
      </c>
      <c r="O162" s="130">
        <v>5.8788325273382395E-2</v>
      </c>
      <c r="P162" s="197">
        <v>0.15892221274809681</v>
      </c>
      <c r="Q162" s="95">
        <v>1.2676820005154245E-2</v>
      </c>
      <c r="R162" s="197">
        <v>0.10337759977334676</v>
      </c>
      <c r="S162" s="95">
        <v>1.0566889924921517E-2</v>
      </c>
      <c r="T162" s="197">
        <v>0.73601025745751458</v>
      </c>
      <c r="U162" s="95">
        <v>1.5273265062150893E-2</v>
      </c>
      <c r="V162" s="197">
        <v>1.6899300210375589E-3</v>
      </c>
      <c r="W162" s="95">
        <v>1.6548445850233728E-3</v>
      </c>
      <c r="X162" s="47">
        <v>3330</v>
      </c>
      <c r="Y162" s="178">
        <v>4.2284420883363447</v>
      </c>
      <c r="Z162" s="130">
        <v>6.3559210804123759E-2</v>
      </c>
      <c r="AA162" s="197">
        <v>0.35729737590952781</v>
      </c>
      <c r="AB162" s="95">
        <v>1.6600200043815752E-2</v>
      </c>
      <c r="AC162" s="197">
        <v>0.17984192300341537</v>
      </c>
      <c r="AD162" s="95">
        <v>1.3313830501529691E-2</v>
      </c>
      <c r="AE162" s="197">
        <v>0.45112550032833842</v>
      </c>
      <c r="AF162" s="95">
        <v>1.7236037762233411E-2</v>
      </c>
      <c r="AG162" s="197">
        <v>1.1735200758713055E-2</v>
      </c>
      <c r="AH162" s="95">
        <v>3.8210094369483952E-3</v>
      </c>
    </row>
    <row r="163" spans="1:34">
      <c r="A163" s="43" t="s">
        <v>583</v>
      </c>
      <c r="B163" s="194">
        <v>736</v>
      </c>
      <c r="C163" s="82">
        <v>4.8492376205743071</v>
      </c>
      <c r="D163" s="83">
        <v>0.14092023638347592</v>
      </c>
      <c r="E163" s="196">
        <v>0.25122363558856653</v>
      </c>
      <c r="F163" s="92">
        <v>3.1944004200632412E-2</v>
      </c>
      <c r="G163" s="196">
        <v>0.1169004807868002</v>
      </c>
      <c r="H163" s="92">
        <v>2.3802920714805789E-2</v>
      </c>
      <c r="I163" s="196">
        <v>0.6271415465142901</v>
      </c>
      <c r="J163" s="92">
        <v>3.5565646292563625E-2</v>
      </c>
      <c r="K163" s="196">
        <v>4.7343371103424651E-3</v>
      </c>
      <c r="L163" s="92">
        <v>6.3059470979079831E-3</v>
      </c>
      <c r="M163" s="194">
        <v>736</v>
      </c>
      <c r="N163" s="82">
        <v>5.1971354354501944</v>
      </c>
      <c r="O163" s="83">
        <v>0.1359198353253761</v>
      </c>
      <c r="P163" s="196">
        <v>0.19805157638755738</v>
      </c>
      <c r="Q163" s="92">
        <v>2.9391131038675383E-2</v>
      </c>
      <c r="R163" s="196">
        <v>0.10729577561164701</v>
      </c>
      <c r="S163" s="92">
        <v>2.2950721917069802E-2</v>
      </c>
      <c r="T163" s="196">
        <v>0.69319008307449903</v>
      </c>
      <c r="U163" s="92">
        <v>3.3937939130153354E-2</v>
      </c>
      <c r="V163" s="196">
        <v>1.4625649262958135E-3</v>
      </c>
      <c r="W163" s="92">
        <v>4.7306237603113232E-3</v>
      </c>
      <c r="X163" s="194">
        <v>736</v>
      </c>
      <c r="Y163" s="82">
        <v>4.1246330800718374</v>
      </c>
      <c r="Z163" s="83">
        <v>0.13782942288058667</v>
      </c>
      <c r="AA163" s="196">
        <v>0.37740750444135784</v>
      </c>
      <c r="AB163" s="92">
        <v>3.565094409288197E-2</v>
      </c>
      <c r="AC163" s="196">
        <v>0.17886989386372323</v>
      </c>
      <c r="AD163" s="92">
        <v>2.8283057840013247E-2</v>
      </c>
      <c r="AE163" s="196">
        <v>0.43078648701359351</v>
      </c>
      <c r="AF163" s="92">
        <v>3.641065621790384E-2</v>
      </c>
      <c r="AG163" s="196">
        <v>1.2936114681324672E-2</v>
      </c>
      <c r="AH163" s="92">
        <v>9.1019754398766594E-3</v>
      </c>
    </row>
    <row r="164" spans="1:34">
      <c r="A164" s="47" t="s">
        <v>582</v>
      </c>
      <c r="B164" s="195">
        <v>2587</v>
      </c>
      <c r="C164" s="178">
        <v>5.0621500282125931</v>
      </c>
      <c r="D164" s="130">
        <v>7.0621989255807482E-2</v>
      </c>
      <c r="E164" s="197">
        <v>0.20098931635810374</v>
      </c>
      <c r="F164" s="95">
        <v>1.5759111640992945E-2</v>
      </c>
      <c r="G164" s="197">
        <v>0.12639457584457808</v>
      </c>
      <c r="H164" s="95">
        <v>1.3081676517172848E-2</v>
      </c>
      <c r="I164" s="197">
        <v>0.66591399642362215</v>
      </c>
      <c r="J164" s="95">
        <v>1.8536058062058922E-2</v>
      </c>
      <c r="K164" s="197">
        <v>6.702111373694742E-3</v>
      </c>
      <c r="L164" s="95">
        <v>3.3817821977878307E-3</v>
      </c>
      <c r="M164" s="195">
        <v>2594</v>
      </c>
      <c r="N164" s="178">
        <v>5.4130315663077697</v>
      </c>
      <c r="O164" s="130">
        <v>6.4683511486797782E-2</v>
      </c>
      <c r="P164" s="197">
        <v>0.14500837102276548</v>
      </c>
      <c r="Q164" s="95">
        <v>1.3837765267757995E-2</v>
      </c>
      <c r="R164" s="197">
        <v>0.10198435251871625</v>
      </c>
      <c r="S164" s="95">
        <v>1.1906162442608953E-2</v>
      </c>
      <c r="T164" s="197">
        <v>0.75123649866363795</v>
      </c>
      <c r="U164" s="95">
        <v>1.697139904115549E-2</v>
      </c>
      <c r="V164" s="197">
        <v>1.7707777948794958E-3</v>
      </c>
      <c r="W164" s="95">
        <v>1.974211552142645E-3</v>
      </c>
      <c r="X164" s="195">
        <v>2594</v>
      </c>
      <c r="Y164" s="178">
        <v>4.2650958064780209</v>
      </c>
      <c r="Z164" s="130">
        <v>7.1484341056282152E-2</v>
      </c>
      <c r="AA164" s="197">
        <v>0.35018503588149619</v>
      </c>
      <c r="AB164" s="95">
        <v>1.8720608436347739E-2</v>
      </c>
      <c r="AC164" s="197">
        <v>0.18018570010795842</v>
      </c>
      <c r="AD164" s="95">
        <v>1.5096993299442375E-2</v>
      </c>
      <c r="AE164" s="197">
        <v>0.45831878993363517</v>
      </c>
      <c r="AF164" s="95">
        <v>1.9551082785412961E-2</v>
      </c>
      <c r="AG164" s="197">
        <v>1.1310474076907256E-2</v>
      </c>
      <c r="AH164" s="95">
        <v>4.2835183263189485E-3</v>
      </c>
    </row>
    <row r="165" spans="1:34">
      <c r="A165" s="43" t="s">
        <v>568</v>
      </c>
      <c r="B165" s="52">
        <v>7991</v>
      </c>
      <c r="C165" s="82">
        <v>5.2209735585729273</v>
      </c>
      <c r="D165" s="83">
        <v>3.9505047423525438E-2</v>
      </c>
      <c r="E165" s="196">
        <v>0.16423989057288974</v>
      </c>
      <c r="F165" s="92">
        <v>8.2904716679313376E-3</v>
      </c>
      <c r="G165" s="196">
        <v>0.1243119829947494</v>
      </c>
      <c r="H165" s="92">
        <v>7.3847097345186774E-3</v>
      </c>
      <c r="I165" s="196">
        <v>0.69749044305868335</v>
      </c>
      <c r="J165" s="92">
        <v>1.0275420242769019E-2</v>
      </c>
      <c r="K165" s="196">
        <v>1.395768337367021E-2</v>
      </c>
      <c r="L165" s="92">
        <v>2.6465021402224836E-3</v>
      </c>
      <c r="M165" s="52">
        <v>8011</v>
      </c>
      <c r="N165" s="82">
        <v>5.5569168122724877</v>
      </c>
      <c r="O165" s="83">
        <v>3.6667256749520441E-2</v>
      </c>
      <c r="P165" s="196">
        <v>0.10917517541364026</v>
      </c>
      <c r="Q165" s="92">
        <v>6.9723051328988333E-3</v>
      </c>
      <c r="R165" s="196">
        <v>0.10596379191347031</v>
      </c>
      <c r="S165" s="92">
        <v>6.881599213624255E-3</v>
      </c>
      <c r="T165" s="196">
        <v>0.77498809082523212</v>
      </c>
      <c r="U165" s="92">
        <v>9.3308765206921648E-3</v>
      </c>
      <c r="V165" s="196">
        <v>9.8729418476548331E-3</v>
      </c>
      <c r="W165" s="92">
        <v>2.2356697730169022E-3</v>
      </c>
      <c r="X165" s="52">
        <v>8088</v>
      </c>
      <c r="Y165" s="82">
        <v>4.3572391695994623</v>
      </c>
      <c r="Z165" s="83">
        <v>4.1108145857907112E-2</v>
      </c>
      <c r="AA165" s="196">
        <v>0.32884611847862355</v>
      </c>
      <c r="AB165" s="92">
        <v>1.0445709804985793E-2</v>
      </c>
      <c r="AC165" s="196">
        <v>0.1885207712853158</v>
      </c>
      <c r="AD165" s="92">
        <v>8.6987417526849034E-3</v>
      </c>
      <c r="AE165" s="196">
        <v>0.46577095345068065</v>
      </c>
      <c r="AF165" s="92">
        <v>1.1090548326457129E-2</v>
      </c>
      <c r="AG165" s="196">
        <v>1.6862156785367968E-2</v>
      </c>
      <c r="AH165" s="92">
        <v>2.8824846271911881E-3</v>
      </c>
    </row>
    <row r="166" spans="1:34">
      <c r="A166" s="47" t="s">
        <v>569</v>
      </c>
      <c r="B166" s="195">
        <v>4384</v>
      </c>
      <c r="C166" s="178">
        <v>5.2270481814851282</v>
      </c>
      <c r="D166" s="130">
        <v>5.0724693479549575E-2</v>
      </c>
      <c r="E166" s="197">
        <v>0.14173996334277969</v>
      </c>
      <c r="F166" s="95">
        <v>1.0540698646357845E-2</v>
      </c>
      <c r="G166" s="197">
        <v>0.13428644543171797</v>
      </c>
      <c r="H166" s="95">
        <v>1.0305158197402148E-2</v>
      </c>
      <c r="I166" s="197">
        <v>0.70697803311884388</v>
      </c>
      <c r="J166" s="95">
        <v>1.374458248976251E-2</v>
      </c>
      <c r="K166" s="197">
        <v>1.699555810667026E-2</v>
      </c>
      <c r="L166" s="95">
        <v>3.9518345393781372E-3</v>
      </c>
      <c r="M166" s="195">
        <v>4402</v>
      </c>
      <c r="N166" s="178">
        <v>5.6198941529373982</v>
      </c>
      <c r="O166" s="130">
        <v>4.5091601511182848E-2</v>
      </c>
      <c r="P166" s="197">
        <v>9.402710723097657E-2</v>
      </c>
      <c r="Q166" s="95">
        <v>8.8095359664077527E-3</v>
      </c>
      <c r="R166" s="197">
        <v>8.5428023032678768E-2</v>
      </c>
      <c r="S166" s="95">
        <v>8.4388268674119287E-3</v>
      </c>
      <c r="T166" s="197">
        <v>0.80870227061993072</v>
      </c>
      <c r="U166" s="95">
        <v>1.1857677003161076E-2</v>
      </c>
      <c r="V166" s="197">
        <v>1.1842599116421279E-2</v>
      </c>
      <c r="W166" s="95">
        <v>3.3191331051225133E-3</v>
      </c>
      <c r="X166" s="195">
        <v>4429</v>
      </c>
      <c r="Y166" s="178">
        <v>4.3966128748955828</v>
      </c>
      <c r="Z166" s="130">
        <v>5.4746477493968396E-2</v>
      </c>
      <c r="AA166" s="197">
        <v>0.32580674723015429</v>
      </c>
      <c r="AB166" s="95">
        <v>1.4080156114853647E-2</v>
      </c>
      <c r="AC166" s="197">
        <v>0.17327957666711169</v>
      </c>
      <c r="AD166" s="95">
        <v>1.1376949533008602E-2</v>
      </c>
      <c r="AE166" s="197">
        <v>0.47955806531918055</v>
      </c>
      <c r="AF166" s="95">
        <v>1.5006814936705332E-2</v>
      </c>
      <c r="AG166" s="197">
        <v>2.135561078356939E-2</v>
      </c>
      <c r="AH166" s="95">
        <v>4.3853217399801294E-3</v>
      </c>
    </row>
    <row r="167" spans="1:34">
      <c r="A167" s="55" t="s">
        <v>570</v>
      </c>
      <c r="B167" s="194">
        <v>1762</v>
      </c>
      <c r="C167" s="82">
        <v>5.1477876957802273</v>
      </c>
      <c r="D167" s="83">
        <v>7.8726855959509276E-2</v>
      </c>
      <c r="E167" s="196">
        <v>0.15888023219007652</v>
      </c>
      <c r="F167" s="92">
        <v>1.7432206910141843E-2</v>
      </c>
      <c r="G167" s="196">
        <v>0.13755358665963519</v>
      </c>
      <c r="H167" s="92">
        <v>1.6433194269761794E-2</v>
      </c>
      <c r="I167" s="196">
        <v>0.68155160381842261</v>
      </c>
      <c r="J167" s="92">
        <v>2.2179549398560927E-2</v>
      </c>
      <c r="K167" s="196">
        <v>2.2014577331863787E-2</v>
      </c>
      <c r="L167" s="92">
        <v>7.1489152233991373E-3</v>
      </c>
      <c r="M167" s="194">
        <v>1769</v>
      </c>
      <c r="N167" s="82">
        <v>5.3487315456851308</v>
      </c>
      <c r="O167" s="83">
        <v>7.5634478546622835E-2</v>
      </c>
      <c r="P167" s="196">
        <v>0.11360528025114178</v>
      </c>
      <c r="Q167" s="92">
        <v>1.5122886371211185E-2</v>
      </c>
      <c r="R167" s="196">
        <v>0.14677737241572825</v>
      </c>
      <c r="S167" s="92">
        <v>1.6846481859072095E-2</v>
      </c>
      <c r="T167" s="196">
        <v>0.71932664804057356</v>
      </c>
      <c r="U167" s="92">
        <v>2.1353661462732858E-2</v>
      </c>
      <c r="V167" s="196">
        <v>2.0290699292555517E-2</v>
      </c>
      <c r="W167" s="92">
        <v>6.8693636588931109E-3</v>
      </c>
      <c r="X167" s="194">
        <v>1798</v>
      </c>
      <c r="Y167" s="82">
        <v>4.3979265896437978</v>
      </c>
      <c r="Z167" s="83">
        <v>8.5041984580918509E-2</v>
      </c>
      <c r="AA167" s="196">
        <v>0.33246178795696252</v>
      </c>
      <c r="AB167" s="92">
        <v>2.2201549879704879E-2</v>
      </c>
      <c r="AC167" s="196">
        <v>0.17695516672981348</v>
      </c>
      <c r="AD167" s="92">
        <v>1.800880410483308E-2</v>
      </c>
      <c r="AE167" s="196">
        <v>0.46459710339058757</v>
      </c>
      <c r="AF167" s="92">
        <v>2.3498279298699191E-2</v>
      </c>
      <c r="AG167" s="196">
        <v>2.5985941922637364E-2</v>
      </c>
      <c r="AH167" s="92">
        <v>7.6416808612519427E-3</v>
      </c>
    </row>
    <row r="168" spans="1:34">
      <c r="A168" s="47" t="s">
        <v>571</v>
      </c>
      <c r="B168" s="195">
        <v>3658</v>
      </c>
      <c r="C168" s="178">
        <v>5.111190628214878</v>
      </c>
      <c r="D168" s="130">
        <v>5.6151218196657894E-2</v>
      </c>
      <c r="E168" s="197">
        <v>0.16427370871979047</v>
      </c>
      <c r="F168" s="95">
        <v>1.22567630280113E-2</v>
      </c>
      <c r="G168" s="197">
        <v>0.14590653821991281</v>
      </c>
      <c r="H168" s="95">
        <v>1.1679853794664522E-2</v>
      </c>
      <c r="I168" s="197">
        <v>0.67667970391860233</v>
      </c>
      <c r="J168" s="95">
        <v>1.5461318297881235E-2</v>
      </c>
      <c r="K168" s="197">
        <v>1.3140049141696405E-2</v>
      </c>
      <c r="L168" s="95">
        <v>3.8379129348871531E-3</v>
      </c>
      <c r="M168" s="195">
        <v>3661</v>
      </c>
      <c r="N168" s="178">
        <v>5.4302797560518883</v>
      </c>
      <c r="O168" s="130">
        <v>5.3760827032899944E-2</v>
      </c>
      <c r="P168" s="197">
        <v>0.11624275922586444</v>
      </c>
      <c r="Q168" s="95">
        <v>1.0605240352271617E-2</v>
      </c>
      <c r="R168" s="197">
        <v>0.10529520329290429</v>
      </c>
      <c r="S168" s="95">
        <v>1.0158256717698079E-2</v>
      </c>
      <c r="T168" s="197">
        <v>0.76642797693291376</v>
      </c>
      <c r="U168" s="95">
        <v>1.3983853205644185E-2</v>
      </c>
      <c r="V168" s="197">
        <v>1.2034060548321027E-2</v>
      </c>
      <c r="W168" s="95">
        <v>3.6800719100414056E-3</v>
      </c>
      <c r="X168" s="195">
        <v>3720</v>
      </c>
      <c r="Y168" s="178">
        <v>4.0918123708705227</v>
      </c>
      <c r="Z168" s="130">
        <v>5.8445502970221594E-2</v>
      </c>
      <c r="AA168" s="197">
        <v>0.38264568895638523</v>
      </c>
      <c r="AB168" s="95">
        <v>1.5930081362608022E-2</v>
      </c>
      <c r="AC168" s="197">
        <v>0.19218979142470363</v>
      </c>
      <c r="AD168" s="95">
        <v>1.2921987879831738E-2</v>
      </c>
      <c r="AE168" s="197">
        <v>0.41137921515762338</v>
      </c>
      <c r="AF168" s="95">
        <v>1.6127953025553154E-2</v>
      </c>
      <c r="AG168" s="197">
        <v>1.3785304461287656E-2</v>
      </c>
      <c r="AH168" s="95">
        <v>3.8920514845144183E-3</v>
      </c>
    </row>
    <row r="169" spans="1:34">
      <c r="A169" s="55" t="s">
        <v>572</v>
      </c>
      <c r="B169" s="194">
        <v>3717</v>
      </c>
      <c r="C169" s="82">
        <v>5.1560768737598925</v>
      </c>
      <c r="D169" s="83">
        <v>5.8670113555724629E-2</v>
      </c>
      <c r="E169" s="196">
        <v>0.16418554649896822</v>
      </c>
      <c r="F169" s="92">
        <v>1.2156419239761596E-2</v>
      </c>
      <c r="G169" s="196">
        <v>0.13073547975475486</v>
      </c>
      <c r="H169" s="92">
        <v>1.1067053551823119E-2</v>
      </c>
      <c r="I169" s="196">
        <v>0.68767309822587608</v>
      </c>
      <c r="J169" s="92">
        <v>1.519750795155299E-2</v>
      </c>
      <c r="K169" s="196">
        <v>1.7405875520407354E-2</v>
      </c>
      <c r="L169" s="92">
        <v>4.3500871854275135E-3</v>
      </c>
      <c r="M169" s="194">
        <v>3719</v>
      </c>
      <c r="N169" s="82">
        <v>5.6245244570205237</v>
      </c>
      <c r="O169" s="83">
        <v>5.3149417636450008E-2</v>
      </c>
      <c r="P169" s="196">
        <v>0.10659880749974554</v>
      </c>
      <c r="Q169" s="92">
        <v>1.013303301437038E-2</v>
      </c>
      <c r="R169" s="196">
        <v>7.7387652072682556E-2</v>
      </c>
      <c r="S169" s="92">
        <v>8.7819789783780133E-3</v>
      </c>
      <c r="T169" s="196">
        <v>0.80774766294628619</v>
      </c>
      <c r="U169" s="92">
        <v>1.2925322274938512E-2</v>
      </c>
      <c r="V169" s="196">
        <v>8.2658774812882814E-3</v>
      </c>
      <c r="W169" s="92">
        <v>3.0602965294886219E-3</v>
      </c>
      <c r="X169" s="194">
        <v>3735</v>
      </c>
      <c r="Y169" s="82">
        <v>4.3624532161795688</v>
      </c>
      <c r="Z169" s="83">
        <v>5.975818105184192E-2</v>
      </c>
      <c r="AA169" s="196">
        <v>0.317086364036609</v>
      </c>
      <c r="AB169" s="92">
        <v>1.5222839685588288E-2</v>
      </c>
      <c r="AC169" s="196">
        <v>0.18621607033404572</v>
      </c>
      <c r="AD169" s="92">
        <v>1.274139261861648E-2</v>
      </c>
      <c r="AE169" s="196">
        <v>0.47575496971606218</v>
      </c>
      <c r="AF169" s="92">
        <v>1.6334738464648637E-2</v>
      </c>
      <c r="AG169" s="196">
        <v>2.0942595913290132E-2</v>
      </c>
      <c r="AH169" s="92">
        <v>4.7392307225189792E-3</v>
      </c>
    </row>
    <row r="170" spans="1:34">
      <c r="A170" s="47" t="s">
        <v>573</v>
      </c>
      <c r="B170" s="195">
        <v>3195</v>
      </c>
      <c r="C170" s="178">
        <v>5.5959154195995193</v>
      </c>
      <c r="D170" s="130">
        <v>6.0943400710089891E-2</v>
      </c>
      <c r="E170" s="197">
        <v>0.11332605106479889</v>
      </c>
      <c r="F170" s="95">
        <v>1.1229896470804222E-2</v>
      </c>
      <c r="G170" s="197">
        <v>8.598182947554181E-2</v>
      </c>
      <c r="H170" s="95">
        <v>9.9399477293090621E-3</v>
      </c>
      <c r="I170" s="197">
        <v>0.79017707191451836</v>
      </c>
      <c r="J170" s="95">
        <v>1.4407446058730065E-2</v>
      </c>
      <c r="K170" s="197">
        <v>1.0515047545137921E-2</v>
      </c>
      <c r="L170" s="95">
        <v>3.7092321237222172E-3</v>
      </c>
      <c r="M170" s="195">
        <v>3218</v>
      </c>
      <c r="N170" s="178">
        <v>6.0707616114973852</v>
      </c>
      <c r="O170" s="130">
        <v>5.0555801462083348E-2</v>
      </c>
      <c r="P170" s="197">
        <v>5.7555241783735285E-2</v>
      </c>
      <c r="Q170" s="95">
        <v>8.2427769499792795E-3</v>
      </c>
      <c r="R170" s="197">
        <v>4.6966268109026335E-2</v>
      </c>
      <c r="S170" s="95">
        <v>7.496717004074116E-3</v>
      </c>
      <c r="T170" s="197">
        <v>0.89160513612456749</v>
      </c>
      <c r="U170" s="95">
        <v>1.0975168048375469E-2</v>
      </c>
      <c r="V170" s="197">
        <v>3.8733539826688911E-3</v>
      </c>
      <c r="W170" s="95">
        <v>2.355474677032599E-3</v>
      </c>
      <c r="X170" s="195">
        <v>3217</v>
      </c>
      <c r="Y170" s="178">
        <v>4.8865229227777247</v>
      </c>
      <c r="Z170" s="130">
        <v>6.5294646536116149E-2</v>
      </c>
      <c r="AA170" s="197">
        <v>0.23415363195774139</v>
      </c>
      <c r="AB170" s="95">
        <v>1.4930289568265299E-2</v>
      </c>
      <c r="AC170" s="197">
        <v>0.15956032498960784</v>
      </c>
      <c r="AD170" s="95">
        <v>1.291860737033112E-2</v>
      </c>
      <c r="AE170" s="197">
        <v>0.58907531790332879</v>
      </c>
      <c r="AF170" s="95">
        <v>1.7338791599876936E-2</v>
      </c>
      <c r="AG170" s="197">
        <v>1.7210725149319307E-2</v>
      </c>
      <c r="AH170" s="95">
        <v>4.6608772486416471E-3</v>
      </c>
    </row>
    <row r="171" spans="1:34">
      <c r="A171" s="55" t="s">
        <v>579</v>
      </c>
      <c r="B171" s="194">
        <v>9612</v>
      </c>
      <c r="C171" s="82">
        <v>5.1872133972136307</v>
      </c>
      <c r="D171" s="83">
        <v>3.575486844458773E-2</v>
      </c>
      <c r="E171" s="196">
        <v>0.16321718619376671</v>
      </c>
      <c r="F171" s="92">
        <v>7.5400119141475295E-3</v>
      </c>
      <c r="G171" s="196">
        <v>0.12820271275173251</v>
      </c>
      <c r="H171" s="92">
        <v>6.8220108420370103E-3</v>
      </c>
      <c r="I171" s="196">
        <v>0.69281055771628774</v>
      </c>
      <c r="J171" s="92">
        <v>9.4096768167123597E-3</v>
      </c>
      <c r="K171" s="196">
        <v>1.5769543338235822E-2</v>
      </c>
      <c r="L171" s="92">
        <v>2.5568330706342442E-3</v>
      </c>
      <c r="M171" s="194">
        <v>9636</v>
      </c>
      <c r="N171" s="82">
        <v>5.5602043569477528</v>
      </c>
      <c r="O171" s="83">
        <v>3.2888890842652674E-2</v>
      </c>
      <c r="P171" s="196">
        <v>0.10624353693072258</v>
      </c>
      <c r="Q171" s="92">
        <v>6.2812534244472487E-3</v>
      </c>
      <c r="R171" s="196">
        <v>9.9939740438023172E-2</v>
      </c>
      <c r="S171" s="92">
        <v>6.1138771902038633E-3</v>
      </c>
      <c r="T171" s="196">
        <v>0.78343483524250102</v>
      </c>
      <c r="U171" s="92">
        <v>8.392135931635146E-3</v>
      </c>
      <c r="V171" s="196">
        <v>1.0381887388775215E-2</v>
      </c>
      <c r="W171" s="92">
        <v>2.0846211414412303E-3</v>
      </c>
      <c r="X171" s="194">
        <v>9628</v>
      </c>
      <c r="Y171" s="82">
        <v>4.297965728512227</v>
      </c>
      <c r="Z171" s="83">
        <v>3.7518785254722561E-2</v>
      </c>
      <c r="AA171" s="196">
        <v>0.34300582394825002</v>
      </c>
      <c r="AB171" s="92">
        <v>9.6743765306791935E-3</v>
      </c>
      <c r="AC171" s="196">
        <v>0.18339954998736174</v>
      </c>
      <c r="AD171" s="92">
        <v>7.8885348836987747E-3</v>
      </c>
      <c r="AE171" s="196">
        <v>0.45499455552015683</v>
      </c>
      <c r="AF171" s="92">
        <v>1.0147913388750252E-2</v>
      </c>
      <c r="AG171" s="196">
        <v>1.8600070544255744E-2</v>
      </c>
      <c r="AH171" s="92">
        <v>2.7677656239322298E-3</v>
      </c>
    </row>
    <row r="172" spans="1:34">
      <c r="A172" s="47" t="s">
        <v>585</v>
      </c>
      <c r="B172" s="195">
        <v>1543</v>
      </c>
      <c r="C172" s="178">
        <v>5.3181051970089435</v>
      </c>
      <c r="D172" s="130">
        <v>8.7764417796539929E-2</v>
      </c>
      <c r="E172" s="197">
        <v>0.14242071207413357</v>
      </c>
      <c r="F172" s="95">
        <v>1.7818840981539394E-2</v>
      </c>
      <c r="G172" s="197">
        <v>0.11164579283600481</v>
      </c>
      <c r="H172" s="95">
        <v>1.6076733549075205E-2</v>
      </c>
      <c r="I172" s="197">
        <v>0.72914896860759237</v>
      </c>
      <c r="J172" s="95">
        <v>2.2612896548424632E-2</v>
      </c>
      <c r="K172" s="197">
        <v>1.6784526482269566E-2</v>
      </c>
      <c r="L172" s="95">
        <v>6.7667251119425129E-3</v>
      </c>
      <c r="M172" s="195">
        <v>1552</v>
      </c>
      <c r="N172" s="178">
        <v>5.7074883133018641</v>
      </c>
      <c r="O172" s="130">
        <v>7.8432767039776058E-2</v>
      </c>
      <c r="P172" s="197">
        <v>9.581749978027912E-2</v>
      </c>
      <c r="Q172" s="95">
        <v>1.4995744217810645E-2</v>
      </c>
      <c r="R172" s="197">
        <v>6.5077778784581625E-2</v>
      </c>
      <c r="S172" s="95">
        <v>1.2605742229731601E-2</v>
      </c>
      <c r="T172" s="197">
        <v>0.82721710140524263</v>
      </c>
      <c r="U172" s="95">
        <v>1.9205207272883502E-2</v>
      </c>
      <c r="V172" s="197">
        <v>1.188762002989617E-2</v>
      </c>
      <c r="W172" s="95">
        <v>5.7741745669284243E-3</v>
      </c>
      <c r="X172" s="195">
        <v>1547</v>
      </c>
      <c r="Y172" s="178">
        <v>4.5491247951152314</v>
      </c>
      <c r="Z172" s="130">
        <v>9.3061051808584733E-2</v>
      </c>
      <c r="AA172" s="197">
        <v>0.28343185272955951</v>
      </c>
      <c r="AB172" s="95">
        <v>2.2899992436154416E-2</v>
      </c>
      <c r="AC172" s="197">
        <v>0.18896577454449434</v>
      </c>
      <c r="AD172" s="95">
        <v>1.9913161590702704E-2</v>
      </c>
      <c r="AE172" s="197">
        <v>0.51399499508982527</v>
      </c>
      <c r="AF172" s="95">
        <v>2.5381938630327373E-2</v>
      </c>
      <c r="AG172" s="197">
        <v>1.3607377636123132E-2</v>
      </c>
      <c r="AH172" s="95">
        <v>6.1448038582078736E-3</v>
      </c>
    </row>
    <row r="173" spans="1:34">
      <c r="A173" s="55" t="s">
        <v>586</v>
      </c>
      <c r="B173" s="194">
        <v>903</v>
      </c>
      <c r="C173" s="82">
        <v>5.3474285229202705</v>
      </c>
      <c r="D173" s="83">
        <v>0.10706699041478114</v>
      </c>
      <c r="E173" s="196">
        <v>0.1092356528290364</v>
      </c>
      <c r="F173" s="92">
        <v>2.0857799056669141E-2</v>
      </c>
      <c r="G173" s="196">
        <v>0.13996840334512931</v>
      </c>
      <c r="H173" s="92">
        <v>2.3149772469093884E-2</v>
      </c>
      <c r="I173" s="196">
        <v>0.73803922484601103</v>
      </c>
      <c r="J173" s="92">
        <v>2.923772512795475E-2</v>
      </c>
      <c r="K173" s="196">
        <v>1.2756718979824298E-2</v>
      </c>
      <c r="L173" s="92">
        <v>8.0470931457100707E-3</v>
      </c>
      <c r="M173" s="194">
        <v>908</v>
      </c>
      <c r="N173" s="82">
        <v>5.6906039829377377</v>
      </c>
      <c r="O173" s="83">
        <v>9.4726629973928445E-2</v>
      </c>
      <c r="P173" s="196">
        <v>7.601916188446621E-2</v>
      </c>
      <c r="Q173" s="92">
        <v>1.7747452356136385E-2</v>
      </c>
      <c r="R173" s="196">
        <v>9.2905254456129058E-2</v>
      </c>
      <c r="S173" s="92">
        <v>1.9390314335567631E-2</v>
      </c>
      <c r="T173" s="196">
        <v>0.82254363420560006</v>
      </c>
      <c r="U173" s="92">
        <v>2.5380973082918052E-2</v>
      </c>
      <c r="V173" s="196">
        <v>8.5319494538045066E-3</v>
      </c>
      <c r="W173" s="92">
        <v>6.8098510256083449E-3</v>
      </c>
      <c r="X173" s="194">
        <v>908</v>
      </c>
      <c r="Y173" s="82">
        <v>4.4821461711338975</v>
      </c>
      <c r="Z173" s="83">
        <v>0.12294965971235518</v>
      </c>
      <c r="AA173" s="196">
        <v>0.32652637866911988</v>
      </c>
      <c r="AB173" s="92">
        <v>3.1075057574894021E-2</v>
      </c>
      <c r="AC173" s="196">
        <v>0.15921427192297655</v>
      </c>
      <c r="AD173" s="92">
        <v>2.4322538532373133E-2</v>
      </c>
      <c r="AE173" s="196">
        <v>0.49935646743985385</v>
      </c>
      <c r="AF173" s="92">
        <v>3.3113281739967977E-2</v>
      </c>
      <c r="AG173" s="196">
        <v>1.490288196805015E-2</v>
      </c>
      <c r="AH173" s="92">
        <v>8.5687270405212027E-3</v>
      </c>
    </row>
    <row r="174" spans="1:34">
      <c r="A174" s="47" t="s">
        <v>584</v>
      </c>
      <c r="B174" s="195">
        <v>291</v>
      </c>
      <c r="C174" s="178">
        <v>4.8433189281269007</v>
      </c>
      <c r="D174" s="130">
        <v>0.21336389126658206</v>
      </c>
      <c r="E174" s="197">
        <v>0.22976678140350354</v>
      </c>
      <c r="F174" s="95">
        <v>4.9257668731556771E-2</v>
      </c>
      <c r="G174" s="197">
        <v>0.13279857484091745</v>
      </c>
      <c r="H174" s="95">
        <v>4.013450545226295E-2</v>
      </c>
      <c r="I174" s="197">
        <v>0.60652782807205108</v>
      </c>
      <c r="J174" s="95">
        <v>5.6921889105792801E-2</v>
      </c>
      <c r="K174" s="197">
        <v>3.0906815683528065E-2</v>
      </c>
      <c r="L174" s="95">
        <v>2.2056488968371493E-2</v>
      </c>
      <c r="M174" s="195">
        <v>292</v>
      </c>
      <c r="N174" s="178">
        <v>5.1780465968918454</v>
      </c>
      <c r="O174" s="130">
        <v>0.22500471340999423</v>
      </c>
      <c r="P174" s="197">
        <v>0.17431652659170316</v>
      </c>
      <c r="Q174" s="95">
        <v>4.4536297759512442E-2</v>
      </c>
      <c r="R174" s="197">
        <v>0.11957075893615582</v>
      </c>
      <c r="S174" s="95">
        <v>3.8407257170668695E-2</v>
      </c>
      <c r="T174" s="197">
        <v>0.68984658633012019</v>
      </c>
      <c r="U174" s="95">
        <v>5.3892509709851627E-2</v>
      </c>
      <c r="V174" s="197">
        <v>1.6266128142021156E-2</v>
      </c>
      <c r="W174" s="95">
        <v>1.7352892214513485E-2</v>
      </c>
      <c r="X174" s="195">
        <v>295</v>
      </c>
      <c r="Y174" s="178">
        <v>3.8536558472665927</v>
      </c>
      <c r="Z174" s="130">
        <v>0.22483039128041332</v>
      </c>
      <c r="AA174" s="197">
        <v>0.49078083293535812</v>
      </c>
      <c r="AB174" s="95">
        <v>5.7821923121158414E-2</v>
      </c>
      <c r="AC174" s="197">
        <v>0.1419009180230115</v>
      </c>
      <c r="AD174" s="95">
        <v>4.092135093504809E-2</v>
      </c>
      <c r="AE174" s="197">
        <v>0.36443587359803997</v>
      </c>
      <c r="AF174" s="95">
        <v>5.5723971872731703E-2</v>
      </c>
      <c r="AG174" s="197">
        <v>2.8823754435905193E-3</v>
      </c>
      <c r="AH174" s="95">
        <v>1.1238910302429038E-2</v>
      </c>
    </row>
    <row r="175" spans="1:34">
      <c r="A175" s="55" t="s">
        <v>587</v>
      </c>
      <c r="B175" s="194">
        <v>11729</v>
      </c>
      <c r="C175" s="82">
        <v>5.2328353052832801</v>
      </c>
      <c r="D175" s="83">
        <v>3.2040312300071962E-2</v>
      </c>
      <c r="E175" s="196">
        <v>0.15203903914612199</v>
      </c>
      <c r="F175" s="92">
        <v>6.6317772046809824E-3</v>
      </c>
      <c r="G175" s="196">
        <v>0.12763862436689738</v>
      </c>
      <c r="H175" s="92">
        <v>6.1638064173631987E-3</v>
      </c>
      <c r="I175" s="196">
        <v>0.70513991657393371</v>
      </c>
      <c r="J175" s="92">
        <v>8.4197861697006878E-3</v>
      </c>
      <c r="K175" s="196">
        <v>1.5182419913066767E-2</v>
      </c>
      <c r="L175" s="92">
        <v>2.2698053080031908E-3</v>
      </c>
      <c r="M175" s="194">
        <v>11768</v>
      </c>
      <c r="N175" s="82">
        <v>5.6043711485923406</v>
      </c>
      <c r="O175" s="83">
        <v>2.9146717551975863E-2</v>
      </c>
      <c r="P175" s="196">
        <v>9.9692812991377E-2</v>
      </c>
      <c r="Q175" s="92">
        <v>5.525803222314849E-3</v>
      </c>
      <c r="R175" s="196">
        <v>9.3868302208004767E-2</v>
      </c>
      <c r="S175" s="92">
        <v>5.3795499029824926E-3</v>
      </c>
      <c r="T175" s="196">
        <v>0.79621036315262517</v>
      </c>
      <c r="U175" s="92">
        <v>7.4265925575145832E-3</v>
      </c>
      <c r="V175" s="196">
        <v>1.0228521647996478E-2</v>
      </c>
      <c r="W175" s="92">
        <v>1.8695919609073802E-3</v>
      </c>
      <c r="X175" s="194">
        <v>11751</v>
      </c>
      <c r="Y175" s="82">
        <v>4.365445298065902</v>
      </c>
      <c r="Z175" s="83">
        <v>3.3873946390918619E-2</v>
      </c>
      <c r="AA175" s="196">
        <v>0.32938335495229643</v>
      </c>
      <c r="AB175" s="92">
        <v>8.670140572836044E-3</v>
      </c>
      <c r="AC175" s="196">
        <v>0.18249804138609199</v>
      </c>
      <c r="AD175" s="92">
        <v>7.1267577768403308E-3</v>
      </c>
      <c r="AE175" s="196">
        <v>0.47020257581691743</v>
      </c>
      <c r="AF175" s="92">
        <v>9.2069678950616757E-3</v>
      </c>
      <c r="AG175" s="196">
        <v>1.7916027844717228E-2</v>
      </c>
      <c r="AH175" s="92">
        <v>2.4578580126314721E-3</v>
      </c>
    </row>
    <row r="177" spans="1:32" ht="18.75">
      <c r="A177" s="292" t="s">
        <v>237</v>
      </c>
      <c r="B177" s="292"/>
      <c r="C177" s="292"/>
      <c r="D177" s="292"/>
      <c r="E177" s="292"/>
      <c r="F177" s="292"/>
      <c r="G177" s="292"/>
      <c r="H177" s="292"/>
      <c r="I177" s="292"/>
      <c r="J177" s="292"/>
      <c r="K177" s="292"/>
      <c r="L177" s="292"/>
      <c r="M177" s="230"/>
      <c r="N177" s="230"/>
      <c r="O177" s="230"/>
      <c r="P177" s="248"/>
      <c r="Q177" s="248"/>
      <c r="R177" s="248"/>
      <c r="S177" s="248"/>
      <c r="T177" s="248"/>
      <c r="U177" s="248"/>
      <c r="V177" s="248"/>
      <c r="W177" s="248"/>
      <c r="X177" s="248"/>
      <c r="Y177" s="248"/>
      <c r="Z177" s="248"/>
      <c r="AA177" s="248"/>
      <c r="AB177" s="248"/>
    </row>
    <row r="178" spans="1:32" ht="41.25" customHeight="1">
      <c r="A178" s="414" t="s">
        <v>603</v>
      </c>
      <c r="B178" s="414"/>
      <c r="C178" s="414"/>
      <c r="D178" s="414"/>
      <c r="E178" s="414"/>
      <c r="F178" s="414"/>
      <c r="G178" s="414"/>
      <c r="H178" s="414"/>
      <c r="I178" s="414"/>
      <c r="J178" s="414"/>
      <c r="K178" s="414"/>
      <c r="L178" s="414"/>
      <c r="M178" s="294"/>
      <c r="N178" s="236"/>
      <c r="O178" s="236"/>
      <c r="P178" s="248"/>
      <c r="Q178" s="248"/>
      <c r="R178" s="248"/>
      <c r="S178" s="248"/>
      <c r="T178" s="248"/>
      <c r="U178" s="248"/>
      <c r="V178" s="248"/>
      <c r="W178" s="248"/>
      <c r="X178" s="248"/>
      <c r="Y178" s="248"/>
      <c r="Z178" s="248"/>
      <c r="AA178" s="248"/>
      <c r="AB178" s="248"/>
    </row>
    <row r="179" spans="1:32" ht="36" customHeight="1">
      <c r="A179" s="62"/>
      <c r="B179" s="383" t="s">
        <v>238</v>
      </c>
      <c r="C179" s="384"/>
      <c r="D179" s="384"/>
      <c r="E179" s="384"/>
      <c r="F179" s="384"/>
      <c r="G179" s="384"/>
      <c r="H179" s="384"/>
      <c r="I179" s="384"/>
      <c r="J179" s="384"/>
      <c r="K179" s="384"/>
      <c r="L179" s="385"/>
      <c r="M179" s="248"/>
      <c r="N179" s="248"/>
      <c r="O179" s="248"/>
      <c r="P179" s="248"/>
      <c r="Q179" s="248"/>
      <c r="R179" s="248"/>
      <c r="S179" s="248"/>
      <c r="T179" s="248"/>
      <c r="U179" s="248"/>
      <c r="V179" s="248"/>
      <c r="W179" s="248"/>
      <c r="X179" s="248"/>
      <c r="Y179" s="248"/>
      <c r="Z179" s="248"/>
      <c r="AA179" s="248"/>
      <c r="AB179" s="248"/>
      <c r="AC179" s="248"/>
      <c r="AD179" s="248"/>
      <c r="AE179" s="248"/>
      <c r="AF179" s="248"/>
    </row>
    <row r="180" spans="1:32" ht="39.75" customHeight="1">
      <c r="A180" s="35" t="s">
        <v>70</v>
      </c>
      <c r="B180" s="36" t="s">
        <v>71</v>
      </c>
      <c r="C180" s="37" t="s">
        <v>551</v>
      </c>
      <c r="D180" s="38" t="s">
        <v>72</v>
      </c>
      <c r="E180" s="36" t="s">
        <v>311</v>
      </c>
      <c r="F180" s="87" t="s">
        <v>142</v>
      </c>
      <c r="G180" s="36" t="s">
        <v>312</v>
      </c>
      <c r="H180" s="87" t="s">
        <v>143</v>
      </c>
      <c r="I180" s="36" t="s">
        <v>313</v>
      </c>
      <c r="J180" s="87" t="s">
        <v>116</v>
      </c>
      <c r="K180" s="36" t="s">
        <v>300</v>
      </c>
      <c r="L180" s="87" t="s">
        <v>314</v>
      </c>
      <c r="M180" s="248"/>
      <c r="N180" s="248"/>
      <c r="O180" s="248"/>
      <c r="P180" s="248"/>
      <c r="Q180" s="248"/>
      <c r="R180" s="248"/>
      <c r="S180" s="248"/>
      <c r="T180" s="248"/>
      <c r="U180" s="248"/>
      <c r="V180" s="248"/>
      <c r="W180" s="248"/>
      <c r="X180" s="248"/>
      <c r="Y180" s="248"/>
      <c r="Z180" s="248"/>
      <c r="AA180" s="248"/>
      <c r="AB180" s="248"/>
      <c r="AC180" s="248"/>
      <c r="AD180" s="248"/>
      <c r="AE180" s="248"/>
      <c r="AF180" s="248"/>
    </row>
    <row r="181" spans="1:32" ht="72">
      <c r="A181" s="39"/>
      <c r="B181" s="40" t="s">
        <v>73</v>
      </c>
      <c r="C181" s="126" t="s">
        <v>303</v>
      </c>
      <c r="D181" s="42" t="s">
        <v>75</v>
      </c>
      <c r="E181" s="40" t="s">
        <v>158</v>
      </c>
      <c r="F181" s="89" t="s">
        <v>87</v>
      </c>
      <c r="G181" s="40" t="s">
        <v>159</v>
      </c>
      <c r="H181" s="89" t="s">
        <v>87</v>
      </c>
      <c r="I181" s="40" t="s">
        <v>160</v>
      </c>
      <c r="J181" s="89" t="s">
        <v>87</v>
      </c>
      <c r="K181" s="40" t="s">
        <v>300</v>
      </c>
      <c r="L181" s="89" t="s">
        <v>87</v>
      </c>
    </row>
    <row r="182" spans="1:32">
      <c r="A182" s="43" t="s">
        <v>348</v>
      </c>
      <c r="B182" s="198">
        <v>13838</v>
      </c>
      <c r="C182" s="82">
        <v>4.7531192671633828</v>
      </c>
      <c r="D182" s="83">
        <v>2.7919035805388397E-2</v>
      </c>
      <c r="E182" s="196">
        <v>0.19002045105263729</v>
      </c>
      <c r="F182" s="92">
        <v>6.6703112055608339E-3</v>
      </c>
      <c r="G182" s="196">
        <v>0.1840468065802596</v>
      </c>
      <c r="H182" s="92">
        <v>6.5888669336456353E-3</v>
      </c>
      <c r="I182" s="196">
        <v>0.57979952345395602</v>
      </c>
      <c r="J182" s="92">
        <v>8.3907551919310368E-3</v>
      </c>
      <c r="K182" s="196">
        <v>4.6133218913162459E-2</v>
      </c>
      <c r="L182" s="92">
        <v>3.5708197407605087E-3</v>
      </c>
    </row>
    <row r="183" spans="1:32">
      <c r="A183" s="47" t="s">
        <v>349</v>
      </c>
      <c r="B183" s="47">
        <v>10167</v>
      </c>
      <c r="C183" s="178">
        <v>4.5506508062160735</v>
      </c>
      <c r="D183" s="130">
        <v>3.3212653597497817E-2</v>
      </c>
      <c r="E183" s="197">
        <v>0.23948467955034444</v>
      </c>
      <c r="F183" s="95">
        <v>8.4645649693695091E-3</v>
      </c>
      <c r="G183" s="197">
        <v>0.17748811872500828</v>
      </c>
      <c r="H183" s="95">
        <v>7.5792378329316047E-3</v>
      </c>
      <c r="I183" s="197">
        <v>0.54233865221360755</v>
      </c>
      <c r="J183" s="95">
        <v>9.8799966681224032E-3</v>
      </c>
      <c r="K183" s="197">
        <v>4.0688549511036121E-2</v>
      </c>
      <c r="L183" s="95">
        <v>3.9263144682149921E-3</v>
      </c>
    </row>
    <row r="184" spans="1:32">
      <c r="A184" s="43" t="s">
        <v>350</v>
      </c>
      <c r="B184" s="51">
        <v>3671</v>
      </c>
      <c r="C184" s="82">
        <v>4.9204671233886801</v>
      </c>
      <c r="D184" s="83">
        <v>4.9751738154754886E-2</v>
      </c>
      <c r="E184" s="196">
        <v>0.14955824544207372</v>
      </c>
      <c r="F184" s="92">
        <v>1.1778350780796388E-2</v>
      </c>
      <c r="G184" s="196">
        <v>0.18941187512765661</v>
      </c>
      <c r="H184" s="92">
        <v>1.293604968490268E-2</v>
      </c>
      <c r="I184" s="196">
        <v>0.61044286957522487</v>
      </c>
      <c r="J184" s="92">
        <v>1.6089170254407308E-2</v>
      </c>
      <c r="K184" s="196">
        <v>5.0587009855044267E-2</v>
      </c>
      <c r="L184" s="92">
        <v>7.2631690039010729E-3</v>
      </c>
    </row>
    <row r="185" spans="1:32">
      <c r="A185" s="47" t="s">
        <v>574</v>
      </c>
      <c r="B185" s="47">
        <v>4949</v>
      </c>
      <c r="C185" s="178">
        <v>4.8838471139776773</v>
      </c>
      <c r="D185" s="130">
        <v>4.3730358655036335E-2</v>
      </c>
      <c r="E185" s="197">
        <v>0.1588956320850361</v>
      </c>
      <c r="F185" s="95">
        <v>1.0396370810274653E-2</v>
      </c>
      <c r="G185" s="197">
        <v>0.18652489741987896</v>
      </c>
      <c r="H185" s="95">
        <v>1.1075499014399517E-2</v>
      </c>
      <c r="I185" s="197">
        <v>0.6028313896911931</v>
      </c>
      <c r="J185" s="95">
        <v>1.3905823178955884E-2</v>
      </c>
      <c r="K185" s="197">
        <v>5.1748080803892371E-2</v>
      </c>
      <c r="L185" s="95">
        <v>6.3159062434507175E-3</v>
      </c>
    </row>
    <row r="186" spans="1:32">
      <c r="A186" s="43" t="s">
        <v>575</v>
      </c>
      <c r="B186" s="51">
        <v>5124</v>
      </c>
      <c r="C186" s="82">
        <v>4.5135065344807996</v>
      </c>
      <c r="D186" s="83">
        <v>4.6254852067641315E-2</v>
      </c>
      <c r="E186" s="196">
        <v>0.23872170193885359</v>
      </c>
      <c r="F186" s="92">
        <v>1.1909700198019296E-2</v>
      </c>
      <c r="G186" s="196">
        <v>0.18653460688255408</v>
      </c>
      <c r="H186" s="92">
        <v>1.0884899160707711E-2</v>
      </c>
      <c r="I186" s="196">
        <v>0.53829493192970479</v>
      </c>
      <c r="J186" s="92">
        <v>1.392356516947108E-2</v>
      </c>
      <c r="K186" s="196">
        <v>3.6448759248888796E-2</v>
      </c>
      <c r="L186" s="92">
        <v>5.2589232004215131E-3</v>
      </c>
    </row>
    <row r="187" spans="1:32">
      <c r="A187" s="47" t="s">
        <v>576</v>
      </c>
      <c r="B187" s="47">
        <v>3123</v>
      </c>
      <c r="C187" s="178">
        <v>4.3586876581229141</v>
      </c>
      <c r="D187" s="130">
        <v>6.0812787857489496E-2</v>
      </c>
      <c r="E187" s="197">
        <v>0.29753281871077547</v>
      </c>
      <c r="F187" s="95">
        <v>1.635518177634511E-2</v>
      </c>
      <c r="G187" s="197">
        <v>0.16468444401686846</v>
      </c>
      <c r="H187" s="95">
        <v>1.3279170053824781E-2</v>
      </c>
      <c r="I187" s="197">
        <v>0.50863500582295396</v>
      </c>
      <c r="J187" s="95">
        <v>1.7880162047231266E-2</v>
      </c>
      <c r="K187" s="197">
        <v>2.914773144939559E-2</v>
      </c>
      <c r="L187" s="95">
        <v>6.0764737581490962E-3</v>
      </c>
    </row>
    <row r="188" spans="1:32">
      <c r="A188" s="43" t="s">
        <v>577</v>
      </c>
      <c r="B188" s="51">
        <v>416</v>
      </c>
      <c r="C188" s="82">
        <v>4.2602655285191684</v>
      </c>
      <c r="D188" s="83">
        <v>0.17079513357180159</v>
      </c>
      <c r="E188" s="196">
        <v>0.32950970145359704</v>
      </c>
      <c r="F188" s="92">
        <v>4.5927901850452535E-2</v>
      </c>
      <c r="G188" s="196">
        <v>0.1494626585596201</v>
      </c>
      <c r="H188" s="92">
        <v>3.5112462905748612E-2</v>
      </c>
      <c r="I188" s="196">
        <v>0.48261318057174968</v>
      </c>
      <c r="J188" s="92">
        <v>4.8766052713722988E-2</v>
      </c>
      <c r="K188" s="196">
        <v>3.8414459415032819E-2</v>
      </c>
      <c r="L188" s="92">
        <v>1.9755113196860241E-2</v>
      </c>
    </row>
    <row r="189" spans="1:32">
      <c r="A189" s="47" t="s">
        <v>578</v>
      </c>
      <c r="B189" s="47">
        <v>142</v>
      </c>
      <c r="C189" s="178">
        <v>4.5428980205441434</v>
      </c>
      <c r="D189" s="130">
        <v>0.30850151209217291</v>
      </c>
      <c r="E189" s="197">
        <v>0.26847475018546973</v>
      </c>
      <c r="F189" s="95">
        <v>7.3892373661391245E-2</v>
      </c>
      <c r="G189" s="197">
        <v>0.1189943042675759</v>
      </c>
      <c r="H189" s="95">
        <v>5.5561877759926021E-2</v>
      </c>
      <c r="I189" s="197">
        <v>0.58266276434251052</v>
      </c>
      <c r="J189" s="95">
        <v>8.1683679327528014E-2</v>
      </c>
      <c r="K189" s="197">
        <v>2.9868181204443407E-2</v>
      </c>
      <c r="L189" s="95">
        <v>3.3483207947130111E-2</v>
      </c>
    </row>
    <row r="190" spans="1:32">
      <c r="A190" s="43" t="s">
        <v>581</v>
      </c>
      <c r="B190" s="51">
        <v>9787</v>
      </c>
      <c r="C190" s="82">
        <v>4.7761551742398973</v>
      </c>
      <c r="D190" s="83">
        <v>3.2847523042756212E-2</v>
      </c>
      <c r="E190" s="196">
        <v>0.1841514220480516</v>
      </c>
      <c r="F190" s="92">
        <v>7.8365795319847772E-3</v>
      </c>
      <c r="G190" s="196">
        <v>0.18362130623287823</v>
      </c>
      <c r="H190" s="92">
        <v>7.8278456455580271E-3</v>
      </c>
      <c r="I190" s="196">
        <v>0.58438748836106658</v>
      </c>
      <c r="J190" s="92">
        <v>9.9613094689004027E-3</v>
      </c>
      <c r="K190" s="196">
        <v>4.7839783358023101E-2</v>
      </c>
      <c r="L190" s="92">
        <v>4.3217617090531178E-3</v>
      </c>
    </row>
    <row r="191" spans="1:32">
      <c r="A191" s="47" t="s">
        <v>580</v>
      </c>
      <c r="B191" s="47">
        <v>4009</v>
      </c>
      <c r="C191" s="178">
        <v>4.4888908669957424</v>
      </c>
      <c r="D191" s="130">
        <v>5.2969905841726818E-2</v>
      </c>
      <c r="E191" s="197">
        <v>0.2499252312918048</v>
      </c>
      <c r="F191" s="95">
        <v>1.3674046001118954E-2</v>
      </c>
      <c r="G191" s="197">
        <v>0.18242616363319022</v>
      </c>
      <c r="H191" s="95">
        <v>1.2200983694181605E-2</v>
      </c>
      <c r="I191" s="197">
        <v>0.53327691504195252</v>
      </c>
      <c r="J191" s="95">
        <v>1.5750827455052505E-2</v>
      </c>
      <c r="K191" s="197">
        <v>3.4371690033052224E-2</v>
      </c>
      <c r="L191" s="95">
        <v>5.7890722818989817E-3</v>
      </c>
    </row>
    <row r="192" spans="1:32">
      <c r="A192" s="43" t="s">
        <v>583</v>
      </c>
      <c r="B192" s="198">
        <v>918</v>
      </c>
      <c r="C192" s="82">
        <v>4.3269452595953064</v>
      </c>
      <c r="D192" s="83">
        <v>0.11448539058456748</v>
      </c>
      <c r="E192" s="196">
        <v>0.29480446388953113</v>
      </c>
      <c r="F192" s="92">
        <v>3.0058463460392666E-2</v>
      </c>
      <c r="G192" s="196">
        <v>0.18742903500607255</v>
      </c>
      <c r="H192" s="92">
        <v>2.5776048726594409E-2</v>
      </c>
      <c r="I192" s="196">
        <v>0.48715893564005663</v>
      </c>
      <c r="J192" s="92">
        <v>3.2922477450697631E-2</v>
      </c>
      <c r="K192" s="196">
        <v>3.0607565464337721E-2</v>
      </c>
      <c r="L192" s="92">
        <v>1.1704671378563552E-2</v>
      </c>
    </row>
    <row r="193" spans="1:45">
      <c r="A193" s="47" t="s">
        <v>582</v>
      </c>
      <c r="B193" s="199">
        <v>3091</v>
      </c>
      <c r="C193" s="178">
        <v>4.5473340479894846</v>
      </c>
      <c r="D193" s="130">
        <v>5.9613153690162804E-2</v>
      </c>
      <c r="E193" s="197">
        <v>0.23381460916919328</v>
      </c>
      <c r="F193" s="95">
        <v>1.5223838355591221E-2</v>
      </c>
      <c r="G193" s="197">
        <v>0.18063024677919706</v>
      </c>
      <c r="H193" s="95">
        <v>1.3842709015994541E-2</v>
      </c>
      <c r="I193" s="197">
        <v>0.54983221904775126</v>
      </c>
      <c r="J193" s="95">
        <v>1.7885768009830248E-2</v>
      </c>
      <c r="K193" s="197">
        <v>3.5722925003858472E-2</v>
      </c>
      <c r="L193" s="95">
        <v>6.7259872717110938E-3</v>
      </c>
    </row>
    <row r="194" spans="1:45">
      <c r="A194" s="43" t="s">
        <v>568</v>
      </c>
      <c r="B194" s="52">
        <v>8214</v>
      </c>
      <c r="C194" s="82">
        <v>4.7152600585587443</v>
      </c>
      <c r="D194" s="83">
        <v>3.6475042925224112E-2</v>
      </c>
      <c r="E194" s="196">
        <v>0.19515104678577341</v>
      </c>
      <c r="F194" s="92">
        <v>8.7461026010088351E-3</v>
      </c>
      <c r="G194" s="196">
        <v>0.18669969107184084</v>
      </c>
      <c r="H194" s="92">
        <v>8.5996498377440712E-3</v>
      </c>
      <c r="I194" s="196">
        <v>0.55969719751359692</v>
      </c>
      <c r="J194" s="92">
        <v>1.0952222909326771E-2</v>
      </c>
      <c r="K194" s="196">
        <v>5.8452064628776501E-2</v>
      </c>
      <c r="L194" s="92">
        <v>5.1846022898594723E-3</v>
      </c>
    </row>
    <row r="195" spans="1:45">
      <c r="A195" s="47" t="s">
        <v>569</v>
      </c>
      <c r="B195" s="199">
        <v>5488</v>
      </c>
      <c r="C195" s="178">
        <v>4.8066507019541262</v>
      </c>
      <c r="D195" s="130">
        <v>4.3782490900393066E-2</v>
      </c>
      <c r="E195" s="197">
        <v>0.18117936168243681</v>
      </c>
      <c r="F195" s="95">
        <v>1.0399920570489243E-2</v>
      </c>
      <c r="G195" s="197">
        <v>0.18085054557432753</v>
      </c>
      <c r="H195" s="95">
        <v>1.0392583153046496E-2</v>
      </c>
      <c r="I195" s="197">
        <v>0.60447771531607775</v>
      </c>
      <c r="J195" s="95">
        <v>1.3196379404965701E-2</v>
      </c>
      <c r="K195" s="197">
        <v>3.3492377427177672E-2</v>
      </c>
      <c r="L195" s="95">
        <v>4.8792808940392E-3</v>
      </c>
    </row>
    <row r="196" spans="1:45">
      <c r="A196" s="55" t="s">
        <v>570</v>
      </c>
      <c r="B196" s="198">
        <v>1765</v>
      </c>
      <c r="C196" s="82">
        <v>4.6921519779901386</v>
      </c>
      <c r="D196" s="83">
        <v>7.8988152733308545E-2</v>
      </c>
      <c r="E196" s="196">
        <v>0.18929042176981858</v>
      </c>
      <c r="F196" s="92">
        <v>1.8654312773452971E-2</v>
      </c>
      <c r="G196" s="196">
        <v>0.21201595532698572</v>
      </c>
      <c r="H196" s="92">
        <v>1.9457877246581462E-2</v>
      </c>
      <c r="I196" s="196">
        <v>0.51956682603494542</v>
      </c>
      <c r="J196" s="92">
        <v>2.3757721367011344E-2</v>
      </c>
      <c r="K196" s="196">
        <v>7.9126796868250984E-2</v>
      </c>
      <c r="L196" s="92">
        <v>1.290622792522342E-2</v>
      </c>
    </row>
    <row r="197" spans="1:45">
      <c r="A197" s="47" t="s">
        <v>571</v>
      </c>
      <c r="B197" s="199">
        <v>3744</v>
      </c>
      <c r="C197" s="178">
        <v>4.6235377365924704</v>
      </c>
      <c r="D197" s="130">
        <v>5.3176064576421753E-2</v>
      </c>
      <c r="E197" s="197">
        <v>0.20491916425730689</v>
      </c>
      <c r="F197" s="95">
        <v>1.3193941861038894E-2</v>
      </c>
      <c r="G197" s="197">
        <v>0.19871111603972519</v>
      </c>
      <c r="H197" s="95">
        <v>1.3043669435386495E-2</v>
      </c>
      <c r="I197" s="197">
        <v>0.55005373507787525</v>
      </c>
      <c r="J197" s="95">
        <v>1.6252410326329361E-2</v>
      </c>
      <c r="K197" s="197">
        <v>4.6315984625091892E-2</v>
      </c>
      <c r="L197" s="95">
        <v>6.8999494477384165E-3</v>
      </c>
    </row>
    <row r="198" spans="1:45">
      <c r="A198" s="55" t="s">
        <v>572</v>
      </c>
      <c r="B198" s="198">
        <v>4151</v>
      </c>
      <c r="C198" s="82">
        <v>4.6422798128671614</v>
      </c>
      <c r="D198" s="83">
        <v>5.1771083719273109E-2</v>
      </c>
      <c r="E198" s="196">
        <v>0.21585308421887336</v>
      </c>
      <c r="F198" s="92">
        <v>1.277090218819934E-2</v>
      </c>
      <c r="G198" s="196">
        <v>0.18181769106468024</v>
      </c>
      <c r="H198" s="92">
        <v>1.1974897571715742E-2</v>
      </c>
      <c r="I198" s="196">
        <v>0.56270149325370111</v>
      </c>
      <c r="J198" s="92">
        <v>1.5391437716344318E-2</v>
      </c>
      <c r="K198" s="196">
        <v>3.962773146275466E-2</v>
      </c>
      <c r="L198" s="92">
        <v>6.0852547421372822E-3</v>
      </c>
    </row>
    <row r="199" spans="1:45">
      <c r="A199" s="47" t="s">
        <v>573</v>
      </c>
      <c r="B199" s="199">
        <v>3975</v>
      </c>
      <c r="C199" s="178">
        <v>5.2058164122750989</v>
      </c>
      <c r="D199" s="130">
        <v>4.9504281152805744E-2</v>
      </c>
      <c r="E199" s="197">
        <v>0.12372031200613026</v>
      </c>
      <c r="F199" s="95">
        <v>1.0453315147176123E-2</v>
      </c>
      <c r="G199" s="197">
        <v>0.13105109614727919</v>
      </c>
      <c r="H199" s="95">
        <v>1.0712268849442349E-2</v>
      </c>
      <c r="I199" s="197">
        <v>0.72439519374077577</v>
      </c>
      <c r="J199" s="95">
        <v>1.4170469137316349E-2</v>
      </c>
      <c r="K199" s="197">
        <v>2.0833398105806884E-2</v>
      </c>
      <c r="L199" s="95">
        <v>4.5793948721257801E-3</v>
      </c>
    </row>
    <row r="200" spans="1:45">
      <c r="A200" s="55" t="s">
        <v>579</v>
      </c>
      <c r="B200" s="198">
        <v>9618</v>
      </c>
      <c r="C200" s="82">
        <v>4.6991277410695469</v>
      </c>
      <c r="D200" s="83">
        <v>3.3743123629131108E-2</v>
      </c>
      <c r="E200" s="196">
        <v>0.19576635238651374</v>
      </c>
      <c r="F200" s="92">
        <v>8.0921430973385673E-3</v>
      </c>
      <c r="G200" s="196">
        <v>0.19142489586775013</v>
      </c>
      <c r="H200" s="92">
        <v>8.0235714904845993E-3</v>
      </c>
      <c r="I200" s="196">
        <v>0.56549877639969748</v>
      </c>
      <c r="J200" s="92">
        <v>1.0106756620731898E-2</v>
      </c>
      <c r="K200" s="196">
        <v>4.7309975346060795E-2</v>
      </c>
      <c r="L200" s="92">
        <v>4.3367925224820497E-3</v>
      </c>
    </row>
    <row r="201" spans="1:45">
      <c r="A201" s="47" t="s">
        <v>585</v>
      </c>
      <c r="B201" s="199">
        <v>1543</v>
      </c>
      <c r="C201" s="178">
        <v>4.8290646162692257</v>
      </c>
      <c r="D201" s="130">
        <v>8.1599750998839413E-2</v>
      </c>
      <c r="E201" s="197">
        <v>0.19442097516514789</v>
      </c>
      <c r="F201" s="95">
        <v>2.0154780754307856E-2</v>
      </c>
      <c r="G201" s="197">
        <v>0.14420571344738162</v>
      </c>
      <c r="H201" s="95">
        <v>1.7910516056477411E-2</v>
      </c>
      <c r="I201" s="197">
        <v>0.61045043823402856</v>
      </c>
      <c r="J201" s="95">
        <v>2.4799842846338665E-2</v>
      </c>
      <c r="K201" s="197">
        <v>5.0922873153444487E-2</v>
      </c>
      <c r="L201" s="95">
        <v>1.1298532681520946E-2</v>
      </c>
    </row>
    <row r="202" spans="1:45">
      <c r="A202" s="55" t="s">
        <v>586</v>
      </c>
      <c r="B202" s="198">
        <v>909</v>
      </c>
      <c r="C202" s="82">
        <v>5.062604295630921</v>
      </c>
      <c r="D202" s="83">
        <v>0.10174447639572905</v>
      </c>
      <c r="E202" s="196">
        <v>0.12148998993857997</v>
      </c>
      <c r="F202" s="92">
        <v>2.1750632793690106E-2</v>
      </c>
      <c r="G202" s="196">
        <v>0.18175513664641685</v>
      </c>
      <c r="H202" s="92">
        <v>2.5601693287301261E-2</v>
      </c>
      <c r="I202" s="196">
        <v>0.65793973775361803</v>
      </c>
      <c r="J202" s="92">
        <v>3.1415885797398596E-2</v>
      </c>
      <c r="K202" s="196">
        <v>3.8815135661386252E-2</v>
      </c>
      <c r="L202" s="92">
        <v>1.309968681228281E-2</v>
      </c>
    </row>
    <row r="203" spans="1:45">
      <c r="A203" s="47" t="s">
        <v>584</v>
      </c>
      <c r="B203" s="199">
        <v>303</v>
      </c>
      <c r="C203" s="178">
        <v>4.496214852271156</v>
      </c>
      <c r="D203" s="130">
        <v>0.20405978713746128</v>
      </c>
      <c r="E203" s="197">
        <v>0.262179950127987</v>
      </c>
      <c r="F203" s="95">
        <v>5.039335257601054E-2</v>
      </c>
      <c r="G203" s="197">
        <v>0.17551938520331933</v>
      </c>
      <c r="H203" s="95">
        <v>4.3829416041664439E-2</v>
      </c>
      <c r="I203" s="197">
        <v>0.52075979568793529</v>
      </c>
      <c r="J203" s="95">
        <v>5.7025074567759536E-2</v>
      </c>
      <c r="K203" s="197">
        <v>4.1540868980758677E-2</v>
      </c>
      <c r="L203" s="95">
        <v>2.4282987236074308E-2</v>
      </c>
    </row>
    <row r="204" spans="1:45">
      <c r="A204" s="55" t="s">
        <v>587</v>
      </c>
      <c r="B204" s="198">
        <v>13032</v>
      </c>
      <c r="C204" s="82">
        <v>4.7689524142410802</v>
      </c>
      <c r="D204" s="83">
        <v>2.8662683818687466E-2</v>
      </c>
      <c r="E204" s="196">
        <v>0.18476524374333592</v>
      </c>
      <c r="F204" s="92">
        <v>6.7998164063625471E-3</v>
      </c>
      <c r="G204" s="196">
        <v>0.18358756817105376</v>
      </c>
      <c r="H204" s="92">
        <v>6.7830222276130505E-3</v>
      </c>
      <c r="I204" s="196">
        <v>0.585144024188613</v>
      </c>
      <c r="J204" s="92">
        <v>8.6306173302082307E-3</v>
      </c>
      <c r="K204" s="196">
        <v>4.650316389701574E-2</v>
      </c>
      <c r="L204" s="92">
        <v>3.6938206859013977E-3</v>
      </c>
    </row>
    <row r="205" spans="1:45">
      <c r="P205" s="248"/>
      <c r="Q205" s="248"/>
      <c r="R205" s="248"/>
      <c r="S205" s="248"/>
      <c r="T205" s="248"/>
      <c r="U205" s="248"/>
      <c r="V205" s="248"/>
      <c r="W205" s="248"/>
      <c r="X205" s="248"/>
      <c r="Y205" s="248"/>
      <c r="Z205" s="248"/>
      <c r="AA205" s="248"/>
      <c r="AB205" s="248"/>
      <c r="AC205" s="248"/>
      <c r="AD205" s="248"/>
      <c r="AE205" s="248"/>
      <c r="AF205" s="248"/>
      <c r="AG205" s="248"/>
      <c r="AH205" s="248"/>
      <c r="AI205" s="248"/>
      <c r="AJ205" s="248"/>
      <c r="AK205" s="248"/>
      <c r="AL205" s="248"/>
      <c r="AM205" s="248"/>
      <c r="AN205" s="248"/>
      <c r="AO205" s="248"/>
      <c r="AP205" s="248"/>
      <c r="AQ205" s="248"/>
      <c r="AR205" s="248"/>
      <c r="AS205" s="248"/>
    </row>
    <row r="206" spans="1:45" ht="18.75">
      <c r="A206" s="413" t="s">
        <v>422</v>
      </c>
      <c r="B206" s="413"/>
      <c r="C206" s="413"/>
      <c r="D206" s="413"/>
      <c r="P206" s="248"/>
      <c r="Q206" s="248"/>
      <c r="R206" s="248"/>
      <c r="S206" s="248"/>
      <c r="T206" s="248"/>
      <c r="U206" s="248"/>
      <c r="V206" s="248"/>
      <c r="W206" s="248"/>
      <c r="X206" s="248"/>
      <c r="Y206" s="248"/>
      <c r="Z206" s="248"/>
      <c r="AA206" s="248"/>
      <c r="AB206" s="248"/>
      <c r="AC206" s="248"/>
      <c r="AD206" s="248"/>
      <c r="AE206" s="248"/>
      <c r="AF206" s="248"/>
      <c r="AG206" s="248"/>
      <c r="AH206" s="248"/>
      <c r="AI206" s="248"/>
      <c r="AJ206" s="248"/>
      <c r="AK206" s="248"/>
      <c r="AL206" s="248"/>
      <c r="AM206" s="248"/>
      <c r="AN206" s="248"/>
      <c r="AO206" s="248"/>
      <c r="AP206" s="248"/>
      <c r="AQ206" s="248"/>
      <c r="AR206" s="248"/>
      <c r="AS206" s="248"/>
    </row>
    <row r="207" spans="1:45" ht="90.75" customHeight="1">
      <c r="A207" s="415" t="s">
        <v>423</v>
      </c>
      <c r="B207" s="415"/>
      <c r="C207" s="415"/>
      <c r="D207" s="415"/>
      <c r="P207" s="248"/>
      <c r="Q207" s="248"/>
      <c r="R207" s="248"/>
      <c r="S207" s="248"/>
      <c r="T207" s="248"/>
      <c r="U207" s="248"/>
      <c r="V207" s="248"/>
      <c r="W207" s="248"/>
      <c r="X207" s="248"/>
      <c r="Y207" s="248"/>
      <c r="Z207" s="248"/>
      <c r="AA207" s="248"/>
      <c r="AB207" s="248"/>
      <c r="AC207" s="248"/>
      <c r="AD207" s="248"/>
      <c r="AE207" s="248"/>
      <c r="AF207" s="248"/>
      <c r="AG207" s="248"/>
      <c r="AH207" s="248"/>
      <c r="AI207" s="248"/>
      <c r="AJ207" s="248"/>
      <c r="AK207" s="248"/>
      <c r="AL207" s="248"/>
      <c r="AM207" s="248"/>
      <c r="AN207" s="248"/>
      <c r="AO207" s="248"/>
      <c r="AP207" s="248"/>
      <c r="AQ207" s="248"/>
      <c r="AR207" s="248"/>
      <c r="AS207" s="248"/>
    </row>
    <row r="208" spans="1:45" ht="51.75" customHeight="1">
      <c r="A208" s="389" t="s">
        <v>424</v>
      </c>
      <c r="B208" s="389"/>
      <c r="C208" s="389"/>
      <c r="D208" s="389"/>
      <c r="P208" s="248"/>
      <c r="Q208" s="248"/>
      <c r="R208" s="248"/>
      <c r="S208" s="248"/>
      <c r="T208" s="248"/>
      <c r="U208" s="248"/>
      <c r="V208" s="248"/>
      <c r="W208" s="248"/>
      <c r="X208" s="248"/>
      <c r="Y208" s="248"/>
      <c r="Z208" s="248"/>
      <c r="AA208" s="248"/>
      <c r="AB208" s="248"/>
      <c r="AC208" s="248"/>
      <c r="AD208" s="248"/>
      <c r="AE208" s="248"/>
      <c r="AF208" s="248"/>
      <c r="AG208" s="248"/>
      <c r="AH208" s="248"/>
      <c r="AI208" s="248"/>
      <c r="AJ208" s="248"/>
      <c r="AK208" s="248"/>
      <c r="AL208" s="248"/>
      <c r="AM208" s="248"/>
      <c r="AN208" s="248"/>
      <c r="AO208" s="248"/>
      <c r="AP208" s="248"/>
      <c r="AQ208" s="248"/>
      <c r="AR208" s="248"/>
      <c r="AS208" s="248"/>
    </row>
    <row r="209" spans="1:45" ht="72">
      <c r="A209" s="35" t="s">
        <v>70</v>
      </c>
      <c r="B209" s="36" t="s">
        <v>71</v>
      </c>
      <c r="C209" s="37" t="s">
        <v>551</v>
      </c>
      <c r="D209" s="38" t="s">
        <v>72</v>
      </c>
      <c r="P209" s="248"/>
      <c r="Q209" s="248"/>
      <c r="R209" s="248"/>
      <c r="S209" s="248"/>
      <c r="T209" s="248"/>
      <c r="U209" s="248"/>
      <c r="V209" s="248"/>
      <c r="W209" s="248"/>
      <c r="X209" s="248"/>
      <c r="Y209" s="248"/>
      <c r="Z209" s="248"/>
      <c r="AA209" s="248"/>
      <c r="AB209" s="248"/>
      <c r="AC209" s="248"/>
      <c r="AD209" s="248"/>
      <c r="AE209" s="248"/>
      <c r="AF209" s="248"/>
      <c r="AG209" s="248"/>
      <c r="AH209" s="248"/>
      <c r="AI209" s="248"/>
      <c r="AJ209" s="248"/>
      <c r="AK209" s="248"/>
      <c r="AL209" s="248"/>
      <c r="AM209" s="248"/>
      <c r="AN209" s="248"/>
      <c r="AO209" s="248"/>
      <c r="AP209" s="248"/>
      <c r="AQ209" s="248"/>
      <c r="AR209" s="248"/>
      <c r="AS209" s="248"/>
    </row>
    <row r="210" spans="1:45" ht="72">
      <c r="A210" s="39"/>
      <c r="B210" s="40" t="s">
        <v>73</v>
      </c>
      <c r="C210" s="126" t="s">
        <v>303</v>
      </c>
      <c r="D210" s="42" t="s">
        <v>75</v>
      </c>
      <c r="P210" s="248"/>
      <c r="Q210" s="248"/>
      <c r="R210" s="248"/>
      <c r="S210" s="248"/>
      <c r="T210" s="248"/>
      <c r="U210" s="248"/>
      <c r="V210" s="248"/>
      <c r="W210" s="248"/>
      <c r="X210" s="248"/>
      <c r="Y210" s="248"/>
      <c r="Z210" s="248"/>
      <c r="AA210" s="248"/>
      <c r="AB210" s="248"/>
      <c r="AC210" s="248"/>
      <c r="AD210" s="248"/>
      <c r="AE210" s="248"/>
      <c r="AF210" s="248"/>
      <c r="AG210" s="248"/>
      <c r="AH210" s="248"/>
      <c r="AI210" s="248"/>
      <c r="AJ210" s="248"/>
      <c r="AK210" s="248"/>
      <c r="AL210" s="248"/>
      <c r="AM210" s="248"/>
      <c r="AN210" s="248"/>
      <c r="AO210" s="248"/>
      <c r="AP210" s="248"/>
      <c r="AQ210" s="248"/>
      <c r="AR210" s="248"/>
      <c r="AS210" s="248"/>
    </row>
    <row r="211" spans="1:45">
      <c r="A211" s="43" t="s">
        <v>348</v>
      </c>
      <c r="B211" s="198">
        <v>12593</v>
      </c>
      <c r="C211" s="82">
        <v>5.1060011985267124</v>
      </c>
      <c r="D211" s="83">
        <v>2.7925078840023133E-2</v>
      </c>
      <c r="P211" s="248"/>
      <c r="Q211" s="248"/>
      <c r="R211" s="248"/>
      <c r="S211" s="248"/>
      <c r="T211" s="248"/>
      <c r="U211" s="248"/>
      <c r="V211" s="248"/>
      <c r="W211" s="248"/>
      <c r="X211" s="248"/>
      <c r="Y211" s="248"/>
      <c r="Z211" s="248"/>
      <c r="AA211" s="248"/>
      <c r="AB211" s="248"/>
      <c r="AC211" s="248"/>
      <c r="AD211" s="248"/>
      <c r="AE211" s="248"/>
      <c r="AF211" s="248"/>
      <c r="AG211" s="248"/>
      <c r="AH211" s="248"/>
      <c r="AI211" s="248"/>
      <c r="AJ211" s="248"/>
      <c r="AK211" s="248"/>
      <c r="AL211" s="248"/>
      <c r="AM211" s="248"/>
      <c r="AN211" s="248"/>
      <c r="AO211" s="248"/>
      <c r="AP211" s="248"/>
      <c r="AQ211" s="248"/>
      <c r="AR211" s="248"/>
      <c r="AS211" s="248"/>
    </row>
    <row r="212" spans="1:45">
      <c r="A212" s="47" t="s">
        <v>349</v>
      </c>
      <c r="B212" s="47">
        <v>9432</v>
      </c>
      <c r="C212" s="178">
        <v>4.9040010505054754</v>
      </c>
      <c r="D212" s="130">
        <v>3.3560466122883263E-2</v>
      </c>
      <c r="P212" s="248"/>
      <c r="Q212" s="248"/>
      <c r="R212" s="248"/>
      <c r="S212" s="248"/>
      <c r="T212" s="248"/>
      <c r="U212" s="248"/>
      <c r="V212" s="248"/>
      <c r="W212" s="248"/>
      <c r="X212" s="248"/>
      <c r="Y212" s="248"/>
      <c r="Z212" s="248"/>
      <c r="AA212" s="248"/>
      <c r="AB212" s="248"/>
      <c r="AC212" s="248"/>
      <c r="AD212" s="248"/>
      <c r="AE212" s="248"/>
      <c r="AF212" s="248"/>
      <c r="AG212" s="248"/>
      <c r="AH212" s="248"/>
      <c r="AI212" s="248"/>
      <c r="AJ212" s="248"/>
      <c r="AK212" s="248"/>
      <c r="AL212" s="248"/>
      <c r="AM212" s="248"/>
      <c r="AN212" s="248"/>
      <c r="AO212" s="248"/>
      <c r="AP212" s="248"/>
      <c r="AQ212" s="248"/>
      <c r="AR212" s="248"/>
      <c r="AS212" s="248"/>
    </row>
    <row r="213" spans="1:45">
      <c r="A213" s="43" t="s">
        <v>350</v>
      </c>
      <c r="B213" s="51">
        <v>3161</v>
      </c>
      <c r="C213" s="82">
        <v>5.2769408652534873</v>
      </c>
      <c r="D213" s="83">
        <v>4.6376554682555408E-2</v>
      </c>
      <c r="P213" s="248"/>
      <c r="Q213" s="248"/>
      <c r="R213" s="248"/>
      <c r="S213" s="248"/>
      <c r="T213" s="248"/>
      <c r="U213" s="248"/>
      <c r="V213" s="248"/>
      <c r="W213" s="248"/>
      <c r="X213" s="248"/>
      <c r="Y213" s="248"/>
      <c r="Z213" s="248"/>
      <c r="AA213" s="248"/>
      <c r="AB213" s="248"/>
      <c r="AC213" s="248"/>
      <c r="AD213" s="248"/>
      <c r="AE213" s="248"/>
      <c r="AF213" s="248"/>
      <c r="AG213" s="248"/>
      <c r="AH213" s="248"/>
      <c r="AI213" s="248"/>
      <c r="AJ213" s="248"/>
      <c r="AK213" s="248"/>
      <c r="AL213" s="248"/>
      <c r="AM213" s="248"/>
      <c r="AN213" s="248"/>
      <c r="AO213" s="248"/>
      <c r="AP213" s="248"/>
      <c r="AQ213" s="248"/>
      <c r="AR213" s="248"/>
      <c r="AS213" s="248"/>
    </row>
    <row r="214" spans="1:45">
      <c r="A214" s="47" t="s">
        <v>574</v>
      </c>
      <c r="B214" s="47">
        <v>4293</v>
      </c>
      <c r="C214" s="178">
        <v>5.2745508092313376</v>
      </c>
      <c r="D214" s="130">
        <v>4.0429261760455366E-2</v>
      </c>
      <c r="P214" s="248"/>
      <c r="Q214" s="248"/>
      <c r="R214" s="248"/>
      <c r="S214" s="248"/>
      <c r="T214" s="248"/>
      <c r="U214" s="248"/>
      <c r="V214" s="248"/>
      <c r="W214" s="248"/>
      <c r="X214" s="248"/>
      <c r="Y214" s="248"/>
      <c r="Z214" s="248"/>
      <c r="AA214" s="248"/>
      <c r="AB214" s="248"/>
      <c r="AC214" s="248"/>
      <c r="AD214" s="248"/>
      <c r="AE214" s="248"/>
      <c r="AF214" s="248"/>
      <c r="AG214" s="248"/>
      <c r="AH214" s="248"/>
      <c r="AI214" s="248"/>
      <c r="AJ214" s="248"/>
      <c r="AK214" s="248"/>
      <c r="AL214" s="248"/>
      <c r="AM214" s="248"/>
      <c r="AN214" s="248"/>
      <c r="AO214" s="248"/>
      <c r="AP214" s="248"/>
      <c r="AQ214" s="248"/>
      <c r="AR214" s="248"/>
      <c r="AS214" s="248"/>
    </row>
    <row r="215" spans="1:45">
      <c r="A215" s="43" t="s">
        <v>575</v>
      </c>
      <c r="B215" s="51">
        <v>4719</v>
      </c>
      <c r="C215" s="82">
        <v>4.9064145310112472</v>
      </c>
      <c r="D215" s="83">
        <v>4.5213747107634997E-2</v>
      </c>
      <c r="P215" s="248"/>
      <c r="Q215" s="248"/>
      <c r="R215" s="248"/>
      <c r="S215" s="248"/>
      <c r="T215" s="248"/>
      <c r="U215" s="248"/>
      <c r="V215" s="248"/>
      <c r="W215" s="248"/>
      <c r="X215" s="248"/>
      <c r="Y215" s="248"/>
      <c r="Z215" s="248"/>
      <c r="AA215" s="248"/>
      <c r="AB215" s="248"/>
      <c r="AC215" s="248"/>
      <c r="AD215" s="248"/>
      <c r="AE215" s="248"/>
      <c r="AF215" s="248"/>
      <c r="AG215" s="248"/>
      <c r="AH215" s="248"/>
      <c r="AI215" s="248"/>
      <c r="AJ215" s="248"/>
      <c r="AK215" s="248"/>
      <c r="AL215" s="248"/>
      <c r="AM215" s="248"/>
      <c r="AN215" s="248"/>
      <c r="AO215" s="248"/>
      <c r="AP215" s="248"/>
      <c r="AQ215" s="248"/>
      <c r="AR215" s="248"/>
      <c r="AS215" s="248"/>
    </row>
    <row r="216" spans="1:45">
      <c r="A216" s="47" t="s">
        <v>576</v>
      </c>
      <c r="B216" s="47">
        <v>2969</v>
      </c>
      <c r="C216" s="178">
        <v>4.6028194290214186</v>
      </c>
      <c r="D216" s="130">
        <v>6.159083303707881E-2</v>
      </c>
      <c r="P216" s="248"/>
      <c r="Q216" s="248"/>
      <c r="R216" s="248"/>
      <c r="S216" s="248"/>
      <c r="T216" s="248"/>
      <c r="U216" s="248"/>
      <c r="V216" s="248"/>
      <c r="W216" s="248"/>
      <c r="X216" s="248"/>
      <c r="Y216" s="248"/>
      <c r="Z216" s="248"/>
      <c r="AA216" s="248"/>
      <c r="AB216" s="248"/>
      <c r="AC216" s="248"/>
      <c r="AD216" s="248"/>
      <c r="AE216" s="248"/>
      <c r="AF216" s="248"/>
      <c r="AG216" s="248"/>
      <c r="AH216" s="248"/>
      <c r="AI216" s="248"/>
      <c r="AJ216" s="248"/>
      <c r="AK216" s="248"/>
      <c r="AL216" s="248"/>
      <c r="AM216" s="248"/>
      <c r="AN216" s="248"/>
      <c r="AO216" s="248"/>
      <c r="AP216" s="248"/>
      <c r="AQ216" s="248"/>
      <c r="AR216" s="248"/>
      <c r="AS216" s="248"/>
    </row>
    <row r="217" spans="1:45">
      <c r="A217" s="43" t="s">
        <v>577</v>
      </c>
      <c r="B217" s="51">
        <v>396</v>
      </c>
      <c r="C217" s="82">
        <v>4.1554224746892263</v>
      </c>
      <c r="D217" s="83">
        <v>0.17774358659538136</v>
      </c>
      <c r="P217" s="248"/>
      <c r="Q217" s="248"/>
      <c r="R217" s="248"/>
      <c r="S217" s="248"/>
      <c r="T217" s="248"/>
      <c r="U217" s="248"/>
      <c r="V217" s="248"/>
      <c r="W217" s="248"/>
      <c r="X217" s="248"/>
      <c r="Y217" s="248"/>
      <c r="Z217" s="248"/>
      <c r="AA217" s="248"/>
      <c r="AB217" s="248"/>
      <c r="AC217" s="248"/>
      <c r="AD217" s="248"/>
      <c r="AE217" s="248"/>
      <c r="AF217" s="248"/>
      <c r="AG217" s="248"/>
      <c r="AH217" s="248"/>
      <c r="AI217" s="248"/>
      <c r="AJ217" s="248"/>
      <c r="AK217" s="248"/>
      <c r="AL217" s="248"/>
      <c r="AM217" s="248"/>
      <c r="AN217" s="248"/>
      <c r="AO217" s="248"/>
      <c r="AP217" s="248"/>
      <c r="AQ217" s="248"/>
      <c r="AR217" s="248"/>
      <c r="AS217" s="248"/>
    </row>
    <row r="218" spans="1:45">
      <c r="A218" s="47" t="s">
        <v>578</v>
      </c>
      <c r="B218" s="47">
        <v>138</v>
      </c>
      <c r="C218" s="178">
        <v>3.0297198833291432</v>
      </c>
      <c r="D218" s="130">
        <v>0.28665086563953562</v>
      </c>
      <c r="P218" s="248"/>
      <c r="Q218" s="248"/>
      <c r="R218" s="248"/>
      <c r="S218" s="248"/>
      <c r="T218" s="248"/>
      <c r="U218" s="248"/>
      <c r="V218" s="248"/>
      <c r="W218" s="248"/>
      <c r="X218" s="248"/>
      <c r="Y218" s="248"/>
      <c r="Z218" s="248"/>
      <c r="AA218" s="248"/>
      <c r="AB218" s="248"/>
      <c r="AC218" s="248"/>
      <c r="AD218" s="248"/>
      <c r="AE218" s="248"/>
      <c r="AF218" s="248"/>
      <c r="AG218" s="248"/>
      <c r="AH218" s="248"/>
      <c r="AI218" s="248"/>
      <c r="AJ218" s="248"/>
      <c r="AK218" s="248"/>
      <c r="AL218" s="248"/>
      <c r="AM218" s="248"/>
      <c r="AN218" s="248"/>
      <c r="AO218" s="248"/>
      <c r="AP218" s="248"/>
      <c r="AQ218" s="248"/>
      <c r="AR218" s="248"/>
      <c r="AS218" s="248"/>
    </row>
    <row r="219" spans="1:45">
      <c r="A219" s="43" t="s">
        <v>581</v>
      </c>
      <c r="B219" s="51">
        <v>8790</v>
      </c>
      <c r="C219" s="82">
        <v>5.1315103378602895</v>
      </c>
      <c r="D219" s="83">
        <v>3.2849250324705627E-2</v>
      </c>
      <c r="P219" s="248"/>
      <c r="Q219" s="248"/>
      <c r="R219" s="248"/>
      <c r="S219" s="248"/>
      <c r="T219" s="248"/>
      <c r="U219" s="248"/>
      <c r="V219" s="248"/>
      <c r="W219" s="248"/>
      <c r="X219" s="248"/>
      <c r="Y219" s="248"/>
      <c r="Z219" s="248"/>
      <c r="AA219" s="248"/>
      <c r="AB219" s="248"/>
      <c r="AC219" s="248"/>
      <c r="AD219" s="248"/>
      <c r="AE219" s="248"/>
      <c r="AF219" s="248"/>
      <c r="AG219" s="248"/>
      <c r="AH219" s="248"/>
      <c r="AI219" s="248"/>
      <c r="AJ219" s="248"/>
      <c r="AK219" s="248"/>
      <c r="AL219" s="248"/>
      <c r="AM219" s="248"/>
      <c r="AN219" s="248"/>
      <c r="AO219" s="248"/>
      <c r="AP219" s="248"/>
      <c r="AQ219" s="248"/>
      <c r="AR219" s="248"/>
      <c r="AS219" s="248"/>
    </row>
    <row r="220" spans="1:45">
      <c r="A220" s="47" t="s">
        <v>580</v>
      </c>
      <c r="B220" s="47">
        <v>3762</v>
      </c>
      <c r="C220" s="178">
        <v>4.8483603522628638</v>
      </c>
      <c r="D220" s="130">
        <v>5.302404203536662E-2</v>
      </c>
      <c r="P220" s="248"/>
      <c r="Q220" s="248"/>
      <c r="R220" s="248"/>
      <c r="S220" s="248"/>
      <c r="T220" s="248"/>
      <c r="U220" s="248"/>
      <c r="V220" s="248"/>
      <c r="W220" s="248"/>
      <c r="X220" s="248"/>
      <c r="Y220" s="248"/>
      <c r="Z220" s="248"/>
      <c r="AA220" s="248"/>
      <c r="AB220" s="248"/>
      <c r="AC220" s="248"/>
      <c r="AD220" s="248"/>
      <c r="AE220" s="248"/>
      <c r="AF220" s="248"/>
      <c r="AG220" s="248"/>
      <c r="AH220" s="248"/>
      <c r="AI220" s="248"/>
      <c r="AJ220" s="248"/>
      <c r="AK220" s="248"/>
      <c r="AL220" s="248"/>
      <c r="AM220" s="248"/>
      <c r="AN220" s="248"/>
      <c r="AO220" s="248"/>
      <c r="AP220" s="248"/>
      <c r="AQ220" s="248"/>
      <c r="AR220" s="248"/>
      <c r="AS220" s="248"/>
    </row>
    <row r="221" spans="1:45">
      <c r="A221" s="43" t="s">
        <v>583</v>
      </c>
      <c r="B221" s="198">
        <v>883</v>
      </c>
      <c r="C221" s="82">
        <v>4.7296732580255636</v>
      </c>
      <c r="D221" s="83">
        <v>0.11571518023608009</v>
      </c>
      <c r="P221" s="248"/>
      <c r="Q221" s="248"/>
      <c r="R221" s="248"/>
      <c r="S221" s="248"/>
      <c r="T221" s="248"/>
      <c r="U221" s="248"/>
      <c r="V221" s="248"/>
      <c r="W221" s="248"/>
      <c r="X221" s="248"/>
      <c r="Y221" s="248"/>
      <c r="Z221" s="248"/>
      <c r="AA221" s="248"/>
      <c r="AB221" s="248"/>
      <c r="AC221" s="248"/>
      <c r="AD221" s="248"/>
      <c r="AE221" s="248"/>
      <c r="AF221" s="248"/>
      <c r="AG221" s="248"/>
      <c r="AH221" s="248"/>
      <c r="AI221" s="248"/>
      <c r="AJ221" s="248"/>
      <c r="AK221" s="248"/>
      <c r="AL221" s="248"/>
      <c r="AM221" s="248"/>
      <c r="AN221" s="248"/>
      <c r="AO221" s="248"/>
      <c r="AP221" s="248"/>
      <c r="AQ221" s="248"/>
      <c r="AR221" s="248"/>
      <c r="AS221" s="248"/>
    </row>
    <row r="222" spans="1:45">
      <c r="A222" s="47" t="s">
        <v>582</v>
      </c>
      <c r="B222" s="199">
        <v>2879</v>
      </c>
      <c r="C222" s="178">
        <v>4.8930166542314648</v>
      </c>
      <c r="D222" s="130">
        <v>5.9393873084384409E-2</v>
      </c>
      <c r="P222" s="248"/>
      <c r="Q222" s="248"/>
      <c r="R222" s="248"/>
      <c r="S222" s="248"/>
      <c r="T222" s="248"/>
      <c r="U222" s="248"/>
      <c r="V222" s="248"/>
      <c r="W222" s="248"/>
      <c r="X222" s="248"/>
      <c r="Y222" s="248"/>
      <c r="Z222" s="248"/>
      <c r="AA222" s="248"/>
      <c r="AB222" s="248"/>
      <c r="AC222" s="248"/>
      <c r="AD222" s="248"/>
      <c r="AE222" s="248"/>
      <c r="AF222" s="248"/>
      <c r="AG222" s="248"/>
      <c r="AH222" s="248"/>
      <c r="AI222" s="248"/>
      <c r="AJ222" s="248"/>
      <c r="AK222" s="248"/>
      <c r="AL222" s="248"/>
      <c r="AM222" s="248"/>
      <c r="AN222" s="248"/>
      <c r="AO222" s="248"/>
      <c r="AP222" s="248"/>
      <c r="AQ222" s="248"/>
      <c r="AR222" s="248"/>
      <c r="AS222" s="248"/>
    </row>
    <row r="223" spans="1:45">
      <c r="A223" s="43" t="s">
        <v>568</v>
      </c>
      <c r="B223" s="52">
        <v>7354</v>
      </c>
      <c r="C223" s="82">
        <v>5.0756687932842715</v>
      </c>
      <c r="D223" s="83">
        <v>3.6549335237719013E-2</v>
      </c>
      <c r="P223" s="248"/>
      <c r="Q223" s="248"/>
      <c r="R223" s="248"/>
      <c r="S223" s="248"/>
      <c r="T223" s="248"/>
      <c r="U223" s="248"/>
      <c r="V223" s="248"/>
      <c r="W223" s="248"/>
      <c r="X223" s="248"/>
      <c r="Y223" s="248"/>
      <c r="Z223" s="248"/>
      <c r="AA223" s="248"/>
      <c r="AB223" s="248"/>
      <c r="AC223" s="248"/>
      <c r="AD223" s="248"/>
      <c r="AE223" s="248"/>
      <c r="AF223" s="248"/>
      <c r="AG223" s="248"/>
      <c r="AH223" s="248"/>
      <c r="AI223" s="248"/>
      <c r="AJ223" s="248"/>
      <c r="AK223" s="248"/>
      <c r="AL223" s="248"/>
      <c r="AM223" s="248"/>
      <c r="AN223" s="248"/>
      <c r="AO223" s="248"/>
      <c r="AP223" s="248"/>
      <c r="AQ223" s="248"/>
      <c r="AR223" s="248"/>
      <c r="AS223" s="248"/>
    </row>
    <row r="224" spans="1:45">
      <c r="A224" s="47" t="s">
        <v>569</v>
      </c>
      <c r="B224" s="199">
        <v>5113</v>
      </c>
      <c r="C224" s="178">
        <v>5.1497454120715096</v>
      </c>
      <c r="D224" s="130">
        <v>4.377236666145648E-2</v>
      </c>
      <c r="P224" s="248"/>
      <c r="Q224" s="248"/>
      <c r="R224" s="248"/>
      <c r="S224" s="248"/>
      <c r="T224" s="248"/>
      <c r="U224" s="248"/>
      <c r="V224" s="248"/>
      <c r="W224" s="248"/>
      <c r="X224" s="248"/>
      <c r="Y224" s="248"/>
      <c r="Z224" s="248"/>
      <c r="AA224" s="248"/>
      <c r="AB224" s="248"/>
      <c r="AC224" s="248"/>
      <c r="AD224" s="248"/>
      <c r="AE224" s="248"/>
      <c r="AF224" s="248"/>
      <c r="AG224" s="248"/>
      <c r="AH224" s="248"/>
      <c r="AI224" s="248"/>
      <c r="AJ224" s="248"/>
      <c r="AK224" s="248"/>
      <c r="AL224" s="248"/>
      <c r="AM224" s="248"/>
      <c r="AN224" s="248"/>
      <c r="AO224" s="248"/>
      <c r="AP224" s="248"/>
      <c r="AQ224" s="248"/>
      <c r="AR224" s="248"/>
      <c r="AS224" s="248"/>
    </row>
    <row r="225" spans="1:45">
      <c r="A225" s="55" t="s">
        <v>570</v>
      </c>
      <c r="B225" s="198">
        <v>1521</v>
      </c>
      <c r="C225" s="82">
        <v>4.9860344636100349</v>
      </c>
      <c r="D225" s="83">
        <v>7.4046019947364011E-2</v>
      </c>
      <c r="P225" s="248"/>
      <c r="Q225" s="248"/>
      <c r="R225" s="248"/>
      <c r="S225" s="248"/>
      <c r="T225" s="248"/>
      <c r="U225" s="248"/>
      <c r="V225" s="248"/>
      <c r="W225" s="248"/>
      <c r="X225" s="248"/>
      <c r="Y225" s="248"/>
      <c r="Z225" s="248"/>
      <c r="AA225" s="248"/>
      <c r="AB225" s="248"/>
      <c r="AC225" s="248"/>
      <c r="AD225" s="248"/>
      <c r="AE225" s="248"/>
      <c r="AF225" s="248"/>
      <c r="AG225" s="248"/>
      <c r="AH225" s="248"/>
      <c r="AI225" s="248"/>
      <c r="AJ225" s="248"/>
      <c r="AK225" s="248"/>
      <c r="AL225" s="248"/>
      <c r="AM225" s="248"/>
      <c r="AN225" s="248"/>
      <c r="AO225" s="248"/>
      <c r="AP225" s="248"/>
      <c r="AQ225" s="248"/>
      <c r="AR225" s="248"/>
      <c r="AS225" s="248"/>
    </row>
    <row r="226" spans="1:45">
      <c r="A226" s="47" t="s">
        <v>571</v>
      </c>
      <c r="B226" s="199">
        <v>3372</v>
      </c>
      <c r="C226" s="178">
        <v>5.0384946993424506</v>
      </c>
      <c r="D226" s="130">
        <v>5.1942059227815258E-2</v>
      </c>
      <c r="P226" s="248"/>
      <c r="Q226" s="248"/>
      <c r="R226" s="248"/>
      <c r="S226" s="248"/>
      <c r="T226" s="248"/>
      <c r="U226" s="248"/>
      <c r="V226" s="248"/>
      <c r="W226" s="248"/>
      <c r="X226" s="248"/>
      <c r="Y226" s="248"/>
      <c r="Z226" s="248"/>
      <c r="AA226" s="248"/>
      <c r="AB226" s="248"/>
      <c r="AC226" s="248"/>
      <c r="AD226" s="248"/>
      <c r="AE226" s="248"/>
      <c r="AF226" s="248"/>
      <c r="AG226" s="248"/>
      <c r="AH226" s="248"/>
      <c r="AI226" s="248"/>
      <c r="AJ226" s="248"/>
      <c r="AK226" s="248"/>
      <c r="AL226" s="248"/>
      <c r="AM226" s="248"/>
      <c r="AN226" s="248"/>
      <c r="AO226" s="248"/>
      <c r="AP226" s="248"/>
      <c r="AQ226" s="248"/>
      <c r="AR226" s="248"/>
      <c r="AS226" s="248"/>
    </row>
    <row r="227" spans="1:45">
      <c r="A227" s="55" t="s">
        <v>572</v>
      </c>
      <c r="B227" s="198">
        <v>3857</v>
      </c>
      <c r="C227" s="82">
        <v>5.0686730421083723</v>
      </c>
      <c r="D227" s="83">
        <v>5.128645606426039E-2</v>
      </c>
      <c r="P227" s="248"/>
      <c r="Q227" s="248"/>
      <c r="R227" s="248"/>
      <c r="S227" s="248"/>
      <c r="T227" s="248"/>
      <c r="U227" s="248"/>
      <c r="V227" s="248"/>
      <c r="W227" s="248"/>
      <c r="X227" s="248"/>
      <c r="Y227" s="248"/>
      <c r="Z227" s="248"/>
      <c r="AA227" s="248"/>
      <c r="AB227" s="248"/>
      <c r="AC227" s="248"/>
      <c r="AD227" s="248"/>
      <c r="AE227" s="248"/>
      <c r="AF227" s="248"/>
      <c r="AG227" s="248"/>
      <c r="AH227" s="248"/>
      <c r="AI227" s="248"/>
      <c r="AJ227" s="248"/>
      <c r="AK227" s="248"/>
      <c r="AL227" s="248"/>
      <c r="AM227" s="248"/>
      <c r="AN227" s="248"/>
      <c r="AO227" s="248"/>
      <c r="AP227" s="248"/>
      <c r="AQ227" s="248"/>
      <c r="AR227" s="248"/>
      <c r="AS227" s="248"/>
    </row>
    <row r="228" spans="1:45">
      <c r="A228" s="47" t="s">
        <v>573</v>
      </c>
      <c r="B228" s="199">
        <v>3657</v>
      </c>
      <c r="C228" s="178">
        <v>5.4205231961831046</v>
      </c>
      <c r="D228" s="130">
        <v>5.3441486350141391E-2</v>
      </c>
      <c r="P228" s="248"/>
      <c r="Q228" s="248"/>
      <c r="R228" s="248"/>
      <c r="S228" s="248"/>
      <c r="T228" s="248"/>
      <c r="U228" s="248"/>
      <c r="V228" s="248"/>
      <c r="W228" s="248"/>
      <c r="X228" s="248"/>
      <c r="Y228" s="248"/>
      <c r="Z228" s="248"/>
      <c r="AA228" s="248"/>
      <c r="AB228" s="248"/>
      <c r="AC228" s="248"/>
      <c r="AD228" s="248"/>
      <c r="AE228" s="248"/>
      <c r="AF228" s="248"/>
      <c r="AG228" s="248"/>
      <c r="AH228" s="248"/>
      <c r="AI228" s="248"/>
      <c r="AJ228" s="248"/>
      <c r="AK228" s="248"/>
      <c r="AL228" s="248"/>
      <c r="AM228" s="248"/>
      <c r="AN228" s="248"/>
      <c r="AO228" s="248"/>
      <c r="AP228" s="248"/>
      <c r="AQ228" s="248"/>
      <c r="AR228" s="248"/>
      <c r="AS228" s="248"/>
    </row>
    <row r="229" spans="1:45">
      <c r="A229" s="55" t="s">
        <v>579</v>
      </c>
      <c r="B229" s="198">
        <v>8732</v>
      </c>
      <c r="C229" s="82">
        <v>5.0804899303937816</v>
      </c>
      <c r="D229" s="83">
        <v>3.346168251207305E-2</v>
      </c>
      <c r="P229" s="248"/>
      <c r="Q229" s="248"/>
      <c r="R229" s="248"/>
      <c r="S229" s="248"/>
      <c r="T229" s="248"/>
      <c r="U229" s="248"/>
      <c r="V229" s="248"/>
      <c r="W229" s="248"/>
      <c r="X229" s="248"/>
      <c r="Y229" s="248"/>
      <c r="Z229" s="248"/>
      <c r="AA229" s="248"/>
      <c r="AB229" s="248"/>
      <c r="AC229" s="248"/>
      <c r="AD229" s="248"/>
      <c r="AE229" s="248"/>
      <c r="AF229" s="248"/>
      <c r="AG229" s="248"/>
      <c r="AH229" s="248"/>
      <c r="AI229" s="248"/>
      <c r="AJ229" s="248"/>
      <c r="AK229" s="248"/>
      <c r="AL229" s="248"/>
      <c r="AM229" s="248"/>
      <c r="AN229" s="248"/>
      <c r="AO229" s="248"/>
      <c r="AP229" s="248"/>
      <c r="AQ229" s="248"/>
      <c r="AR229" s="248"/>
      <c r="AS229" s="248"/>
    </row>
    <row r="230" spans="1:45">
      <c r="A230" s="47" t="s">
        <v>585</v>
      </c>
      <c r="B230" s="199">
        <v>1379</v>
      </c>
      <c r="C230" s="178">
        <v>5.1544228153846383</v>
      </c>
      <c r="D230" s="130">
        <v>8.3030031040051022E-2</v>
      </c>
      <c r="P230" s="248"/>
      <c r="Q230" s="248"/>
      <c r="R230" s="248"/>
      <c r="S230" s="248"/>
      <c r="T230" s="248"/>
      <c r="U230" s="248"/>
      <c r="V230" s="248"/>
      <c r="W230" s="248"/>
      <c r="X230" s="248"/>
      <c r="Y230" s="248"/>
      <c r="Z230" s="248"/>
      <c r="AA230" s="248"/>
      <c r="AB230" s="248"/>
      <c r="AC230" s="248"/>
      <c r="AD230" s="248"/>
      <c r="AE230" s="248"/>
      <c r="AF230" s="248"/>
      <c r="AG230" s="248"/>
      <c r="AH230" s="248"/>
      <c r="AI230" s="248"/>
      <c r="AJ230" s="248"/>
      <c r="AK230" s="248"/>
      <c r="AL230" s="248"/>
      <c r="AM230" s="248"/>
      <c r="AN230" s="248"/>
      <c r="AO230" s="248"/>
      <c r="AP230" s="248"/>
      <c r="AQ230" s="248"/>
      <c r="AR230" s="248"/>
      <c r="AS230" s="248"/>
    </row>
    <row r="231" spans="1:45">
      <c r="A231" s="55" t="s">
        <v>586</v>
      </c>
      <c r="B231" s="198">
        <v>793</v>
      </c>
      <c r="C231" s="82">
        <v>5.3367722729418707</v>
      </c>
      <c r="D231" s="83">
        <v>9.9678015294996355E-2</v>
      </c>
      <c r="P231" s="248"/>
      <c r="Q231" s="248"/>
      <c r="R231" s="248"/>
      <c r="S231" s="248"/>
      <c r="T231" s="248"/>
      <c r="U231" s="248"/>
      <c r="V231" s="248"/>
      <c r="W231" s="248"/>
      <c r="X231" s="248"/>
      <c r="Y231" s="248"/>
      <c r="Z231" s="248"/>
      <c r="AA231" s="248"/>
      <c r="AB231" s="248"/>
      <c r="AC231" s="248"/>
      <c r="AD231" s="248"/>
      <c r="AE231" s="248"/>
      <c r="AF231" s="248"/>
      <c r="AG231" s="248"/>
      <c r="AH231" s="248"/>
      <c r="AI231" s="248"/>
      <c r="AJ231" s="248"/>
      <c r="AK231" s="248"/>
      <c r="AL231" s="248"/>
      <c r="AM231" s="248"/>
      <c r="AN231" s="248"/>
      <c r="AO231" s="248"/>
      <c r="AP231" s="248"/>
      <c r="AQ231" s="248"/>
      <c r="AR231" s="248"/>
      <c r="AS231" s="248"/>
    </row>
    <row r="232" spans="1:45">
      <c r="A232" s="47" t="s">
        <v>584</v>
      </c>
      <c r="B232" s="199">
        <v>271</v>
      </c>
      <c r="C232" s="178">
        <v>4.7833250953961119</v>
      </c>
      <c r="D232" s="130">
        <v>0.20287315256276975</v>
      </c>
      <c r="P232" s="248"/>
      <c r="Q232" s="248"/>
      <c r="R232" s="248"/>
      <c r="S232" s="248"/>
      <c r="T232" s="248"/>
      <c r="U232" s="248"/>
      <c r="V232" s="248"/>
      <c r="W232" s="248"/>
      <c r="X232" s="248"/>
      <c r="Y232" s="248"/>
      <c r="Z232" s="248"/>
      <c r="AA232" s="248"/>
      <c r="AB232" s="248"/>
      <c r="AC232" s="248"/>
      <c r="AD232" s="248"/>
      <c r="AE232" s="248"/>
      <c r="AF232" s="248"/>
      <c r="AG232" s="248"/>
      <c r="AH232" s="248"/>
      <c r="AI232" s="248"/>
      <c r="AJ232" s="248"/>
      <c r="AK232" s="248"/>
      <c r="AL232" s="248"/>
      <c r="AM232" s="248"/>
      <c r="AN232" s="248"/>
      <c r="AO232" s="248"/>
      <c r="AP232" s="248"/>
      <c r="AQ232" s="248"/>
      <c r="AR232" s="248"/>
      <c r="AS232" s="248"/>
    </row>
    <row r="233" spans="1:45">
      <c r="A233" s="55" t="s">
        <v>587</v>
      </c>
      <c r="B233" s="198">
        <v>11864</v>
      </c>
      <c r="C233" s="82">
        <v>5.1243994604004195</v>
      </c>
      <c r="D233" s="83">
        <v>2.8703891007244998E-2</v>
      </c>
      <c r="P233" s="248"/>
      <c r="Q233" s="248"/>
      <c r="R233" s="248"/>
      <c r="S233" s="248"/>
      <c r="T233" s="248"/>
      <c r="U233" s="248"/>
      <c r="V233" s="248"/>
      <c r="W233" s="248"/>
      <c r="X233" s="248"/>
      <c r="Y233" s="248"/>
      <c r="Z233" s="248"/>
      <c r="AA233" s="248"/>
      <c r="AB233" s="248"/>
      <c r="AC233" s="248"/>
      <c r="AD233" s="248"/>
      <c r="AE233" s="248"/>
      <c r="AF233" s="248"/>
      <c r="AG233" s="248"/>
      <c r="AH233" s="248"/>
      <c r="AI233" s="248"/>
      <c r="AJ233" s="248"/>
      <c r="AK233" s="248"/>
      <c r="AL233" s="248"/>
      <c r="AM233" s="248"/>
      <c r="AN233" s="248"/>
      <c r="AO233" s="248"/>
      <c r="AP233" s="248"/>
      <c r="AQ233" s="248"/>
      <c r="AR233" s="248"/>
      <c r="AS233" s="248"/>
    </row>
    <row r="234" spans="1:45">
      <c r="P234" s="248"/>
      <c r="Q234" s="248"/>
      <c r="R234" s="248"/>
      <c r="S234" s="248"/>
      <c r="T234" s="248"/>
      <c r="U234" s="248"/>
      <c r="V234" s="248"/>
      <c r="W234" s="248"/>
      <c r="X234" s="248"/>
      <c r="Y234" s="248"/>
      <c r="Z234" s="248"/>
      <c r="AA234" s="248"/>
      <c r="AB234" s="248"/>
      <c r="AC234" s="248"/>
      <c r="AD234" s="248"/>
      <c r="AE234" s="248"/>
      <c r="AF234" s="248"/>
      <c r="AG234" s="248"/>
      <c r="AH234" s="248"/>
      <c r="AI234" s="248"/>
      <c r="AJ234" s="248"/>
      <c r="AK234" s="248"/>
      <c r="AL234" s="248"/>
      <c r="AM234" s="248"/>
      <c r="AN234" s="248"/>
      <c r="AO234" s="248"/>
      <c r="AP234" s="248"/>
      <c r="AQ234" s="248"/>
      <c r="AR234" s="248"/>
      <c r="AS234" s="248"/>
    </row>
    <row r="235" spans="1:45" ht="18.75">
      <c r="A235" s="413" t="s">
        <v>425</v>
      </c>
      <c r="B235" s="413"/>
      <c r="C235" s="413"/>
      <c r="D235" s="413"/>
      <c r="E235" s="413"/>
      <c r="F235" s="413"/>
      <c r="G235" s="413"/>
      <c r="H235" s="413"/>
      <c r="I235" s="413"/>
      <c r="J235" s="413"/>
      <c r="K235" s="413"/>
      <c r="L235" s="413"/>
      <c r="M235" s="413"/>
      <c r="N235" s="413"/>
      <c r="O235" s="413"/>
      <c r="P235" s="413"/>
      <c r="Q235" s="413"/>
      <c r="R235" s="413"/>
      <c r="S235" s="413"/>
      <c r="T235" s="248"/>
      <c r="U235" s="248"/>
      <c r="V235" s="248"/>
      <c r="W235" s="248"/>
      <c r="X235" s="248"/>
      <c r="Y235" s="248"/>
      <c r="Z235" s="248"/>
      <c r="AA235" s="248"/>
      <c r="AB235" s="248"/>
      <c r="AC235" s="248"/>
      <c r="AD235" s="248"/>
      <c r="AE235" s="248"/>
      <c r="AF235" s="248"/>
      <c r="AG235" s="248"/>
      <c r="AH235" s="248"/>
      <c r="AI235" s="248"/>
      <c r="AJ235" s="248"/>
      <c r="AK235" s="248"/>
      <c r="AL235" s="248"/>
      <c r="AM235" s="248"/>
      <c r="AN235" s="248"/>
      <c r="AO235" s="248"/>
      <c r="AP235" s="248"/>
      <c r="AQ235" s="248"/>
      <c r="AR235" s="248"/>
      <c r="AS235" s="248"/>
    </row>
    <row r="236" spans="1:45" ht="57.75" customHeight="1">
      <c r="A236" s="412" t="s">
        <v>556</v>
      </c>
      <c r="B236" s="412"/>
      <c r="C236" s="412"/>
      <c r="D236" s="412"/>
      <c r="E236" s="412"/>
      <c r="F236" s="412"/>
      <c r="G236" s="412"/>
      <c r="H236" s="412"/>
      <c r="I236" s="412"/>
      <c r="J236" s="412"/>
      <c r="K236" s="412"/>
      <c r="L236" s="412"/>
      <c r="M236" s="412"/>
      <c r="N236" s="412"/>
      <c r="O236" s="412"/>
      <c r="P236" s="412"/>
      <c r="Q236" s="412"/>
      <c r="R236" s="412"/>
      <c r="S236" s="412"/>
      <c r="T236" s="248"/>
      <c r="U236" s="248"/>
      <c r="V236" s="248"/>
      <c r="W236" s="248"/>
      <c r="X236" s="248"/>
      <c r="Y236" s="248"/>
      <c r="Z236" s="248"/>
      <c r="AA236" s="248"/>
      <c r="AB236" s="248"/>
      <c r="AC236" s="248"/>
      <c r="AD236" s="248"/>
      <c r="AE236" s="248"/>
      <c r="AF236" s="248"/>
      <c r="AG236" s="248"/>
      <c r="AH236" s="248"/>
      <c r="AI236" s="248"/>
      <c r="AJ236" s="248"/>
      <c r="AK236" s="248"/>
      <c r="AL236" s="248"/>
      <c r="AM236" s="248"/>
      <c r="AN236" s="248"/>
      <c r="AO236" s="248"/>
      <c r="AP236" s="248"/>
      <c r="AQ236" s="248"/>
      <c r="AR236" s="248"/>
      <c r="AS236" s="248"/>
    </row>
    <row r="237" spans="1:45" ht="39" customHeight="1">
      <c r="A237" s="62"/>
      <c r="B237" s="407" t="s">
        <v>426</v>
      </c>
      <c r="C237" s="408"/>
      <c r="D237" s="408"/>
      <c r="E237" s="408"/>
      <c r="F237" s="408"/>
      <c r="G237" s="408"/>
      <c r="H237" s="408"/>
      <c r="I237" s="408"/>
      <c r="J237" s="409"/>
      <c r="K237" s="410" t="s">
        <v>427</v>
      </c>
      <c r="L237" s="411"/>
      <c r="M237" s="411"/>
      <c r="N237" s="411"/>
      <c r="O237" s="411"/>
      <c r="P237" s="411"/>
      <c r="Q237" s="411"/>
      <c r="R237" s="411"/>
      <c r="S237" s="411"/>
      <c r="W237" s="248"/>
      <c r="X237" s="248"/>
      <c r="Y237" s="248"/>
      <c r="Z237" s="248"/>
      <c r="AA237" s="248"/>
      <c r="AB237" s="248"/>
      <c r="AC237" s="248"/>
      <c r="AD237" s="248"/>
      <c r="AE237" s="248"/>
      <c r="AF237" s="248"/>
      <c r="AG237" s="248"/>
      <c r="AH237" s="248"/>
      <c r="AI237" s="248"/>
      <c r="AJ237" s="248"/>
      <c r="AK237" s="248"/>
      <c r="AL237" s="248"/>
      <c r="AM237" s="248"/>
      <c r="AN237" s="248"/>
      <c r="AO237" s="248"/>
      <c r="AP237" s="248"/>
      <c r="AQ237" s="248"/>
      <c r="AR237" s="248"/>
      <c r="AS237" s="248"/>
    </row>
    <row r="238" spans="1:45" ht="72">
      <c r="A238" s="35" t="s">
        <v>70</v>
      </c>
      <c r="B238" s="36" t="s">
        <v>71</v>
      </c>
      <c r="C238" s="36" t="s">
        <v>428</v>
      </c>
      <c r="D238" s="87" t="s">
        <v>142</v>
      </c>
      <c r="E238" s="36" t="s">
        <v>429</v>
      </c>
      <c r="F238" s="87" t="s">
        <v>143</v>
      </c>
      <c r="G238" s="36" t="s">
        <v>430</v>
      </c>
      <c r="H238" s="87" t="s">
        <v>116</v>
      </c>
      <c r="I238" s="36" t="s">
        <v>300</v>
      </c>
      <c r="J238" s="87" t="s">
        <v>314</v>
      </c>
      <c r="K238" s="63" t="s">
        <v>71</v>
      </c>
      <c r="L238" s="63" t="s">
        <v>428</v>
      </c>
      <c r="M238" s="86" t="s">
        <v>142</v>
      </c>
      <c r="N238" s="63" t="s">
        <v>429</v>
      </c>
      <c r="O238" s="86" t="s">
        <v>143</v>
      </c>
      <c r="P238" s="63" t="s">
        <v>430</v>
      </c>
      <c r="Q238" s="86" t="s">
        <v>116</v>
      </c>
      <c r="R238" s="63" t="s">
        <v>300</v>
      </c>
      <c r="S238" s="86" t="s">
        <v>314</v>
      </c>
      <c r="W238" s="248"/>
      <c r="X238" s="248"/>
      <c r="Y238" s="248"/>
      <c r="Z238" s="248"/>
      <c r="AA238" s="248"/>
      <c r="AB238" s="248"/>
      <c r="AC238" s="248"/>
      <c r="AD238" s="248"/>
      <c r="AE238" s="248"/>
      <c r="AF238" s="248"/>
      <c r="AG238" s="248"/>
      <c r="AH238" s="248"/>
      <c r="AI238" s="248"/>
      <c r="AJ238" s="248"/>
      <c r="AK238" s="248"/>
      <c r="AL238" s="248"/>
      <c r="AM238" s="248"/>
      <c r="AN238" s="248"/>
      <c r="AO238" s="248"/>
      <c r="AP238" s="248"/>
      <c r="AQ238" s="248"/>
      <c r="AR238" s="248"/>
      <c r="AS238" s="248"/>
    </row>
    <row r="239" spans="1:45" ht="72">
      <c r="A239" s="39"/>
      <c r="B239" s="40" t="s">
        <v>73</v>
      </c>
      <c r="C239" s="40" t="s">
        <v>158</v>
      </c>
      <c r="D239" s="89" t="s">
        <v>87</v>
      </c>
      <c r="E239" s="40" t="s">
        <v>159</v>
      </c>
      <c r="F239" s="89" t="s">
        <v>87</v>
      </c>
      <c r="G239" s="40" t="s">
        <v>160</v>
      </c>
      <c r="H239" s="89" t="s">
        <v>87</v>
      </c>
      <c r="I239" s="40" t="s">
        <v>300</v>
      </c>
      <c r="J239" s="89" t="s">
        <v>87</v>
      </c>
      <c r="K239" s="66" t="s">
        <v>73</v>
      </c>
      <c r="L239" s="66" t="s">
        <v>158</v>
      </c>
      <c r="M239" s="88" t="s">
        <v>87</v>
      </c>
      <c r="N239" s="66" t="s">
        <v>159</v>
      </c>
      <c r="O239" s="88" t="s">
        <v>87</v>
      </c>
      <c r="P239" s="66" t="s">
        <v>160</v>
      </c>
      <c r="Q239" s="88" t="s">
        <v>87</v>
      </c>
      <c r="R239" s="66" t="s">
        <v>300</v>
      </c>
      <c r="S239" s="88" t="s">
        <v>87</v>
      </c>
      <c r="W239" s="248"/>
      <c r="X239" s="248"/>
      <c r="Y239" s="248"/>
      <c r="Z239" s="248"/>
      <c r="AA239" s="248"/>
      <c r="AB239" s="248"/>
      <c r="AC239" s="248"/>
      <c r="AD239" s="248"/>
      <c r="AE239" s="248"/>
      <c r="AF239" s="248"/>
      <c r="AG239" s="248"/>
      <c r="AH239" s="248"/>
      <c r="AI239" s="248"/>
      <c r="AJ239" s="248"/>
      <c r="AK239" s="248"/>
      <c r="AL239" s="248"/>
      <c r="AM239" s="248"/>
      <c r="AN239" s="248"/>
      <c r="AO239" s="248"/>
      <c r="AP239" s="248"/>
      <c r="AQ239" s="248"/>
      <c r="AR239" s="248"/>
      <c r="AS239" s="248"/>
    </row>
    <row r="240" spans="1:45">
      <c r="A240" s="43" t="s">
        <v>348</v>
      </c>
      <c r="B240" s="43">
        <v>13823</v>
      </c>
      <c r="C240" s="196">
        <v>0.1449675895687571</v>
      </c>
      <c r="D240" s="92">
        <v>5.9899123419875321E-3</v>
      </c>
      <c r="E240" s="196">
        <v>0.12516355582310087</v>
      </c>
      <c r="F240" s="92">
        <v>5.6302738899209172E-3</v>
      </c>
      <c r="G240" s="196">
        <v>0.71704334011203941</v>
      </c>
      <c r="H240" s="92">
        <v>7.6617476168737708E-3</v>
      </c>
      <c r="I240" s="196">
        <v>1.2825514496109242E-2</v>
      </c>
      <c r="J240" s="92">
        <v>1.9241658205798801E-3</v>
      </c>
      <c r="K240" s="198">
        <v>13828</v>
      </c>
      <c r="L240" s="196">
        <v>0.16609066207296061</v>
      </c>
      <c r="M240" s="92">
        <v>6.3302460996892598E-3</v>
      </c>
      <c r="N240" s="196">
        <v>0.14647282108172721</v>
      </c>
      <c r="O240" s="92">
        <v>6.0145093680234827E-3</v>
      </c>
      <c r="P240" s="196">
        <v>0.59250635510264726</v>
      </c>
      <c r="Q240" s="92">
        <v>8.3560086833474757E-3</v>
      </c>
      <c r="R240" s="196">
        <v>9.4930161742680652E-2</v>
      </c>
      <c r="S240" s="92">
        <v>4.9873556751508603E-3</v>
      </c>
      <c r="W240" s="248"/>
      <c r="X240" s="248"/>
      <c r="Y240" s="248"/>
      <c r="Z240" s="248"/>
      <c r="AA240" s="248"/>
      <c r="AB240" s="248"/>
      <c r="AC240" s="248"/>
      <c r="AD240" s="248"/>
      <c r="AE240" s="248"/>
      <c r="AF240" s="248"/>
      <c r="AG240" s="248"/>
      <c r="AH240" s="248"/>
      <c r="AI240" s="248"/>
      <c r="AJ240" s="248"/>
      <c r="AK240" s="248"/>
      <c r="AL240" s="248"/>
      <c r="AM240" s="248"/>
      <c r="AN240" s="248"/>
      <c r="AO240" s="248"/>
      <c r="AP240" s="248"/>
      <c r="AQ240" s="248"/>
      <c r="AR240" s="248"/>
      <c r="AS240" s="248"/>
    </row>
    <row r="241" spans="1:45">
      <c r="A241" s="47" t="s">
        <v>349</v>
      </c>
      <c r="B241" s="47">
        <v>10154</v>
      </c>
      <c r="C241" s="197">
        <v>0.1889512126284949</v>
      </c>
      <c r="D241" s="95">
        <v>7.7701990274397269E-3</v>
      </c>
      <c r="E241" s="197">
        <v>0.1232411290671179</v>
      </c>
      <c r="F241" s="95">
        <v>6.5263191889328234E-3</v>
      </c>
      <c r="G241" s="197">
        <v>0.67715974238595034</v>
      </c>
      <c r="H241" s="95">
        <v>9.2787579436654413E-3</v>
      </c>
      <c r="I241" s="197">
        <v>1.0647915918430936E-2</v>
      </c>
      <c r="J241" s="95">
        <v>2.0548774836072069E-3</v>
      </c>
      <c r="K241" s="47">
        <v>10155</v>
      </c>
      <c r="L241" s="197">
        <v>0.21705472707273019</v>
      </c>
      <c r="M241" s="95">
        <v>8.1815458409246512E-3</v>
      </c>
      <c r="N241" s="197">
        <v>0.15128193866659398</v>
      </c>
      <c r="O241" s="95">
        <v>7.1128170804036755E-3</v>
      </c>
      <c r="P241" s="197">
        <v>0.55479633405969486</v>
      </c>
      <c r="Q241" s="95">
        <v>9.8617218955473346E-3</v>
      </c>
      <c r="R241" s="197">
        <v>7.6867000200978072E-2</v>
      </c>
      <c r="S241" s="95">
        <v>5.2909976602783159E-3</v>
      </c>
      <c r="W241" s="248"/>
      <c r="X241" s="248"/>
      <c r="Y241" s="248"/>
      <c r="Z241" s="248"/>
      <c r="AA241" s="248"/>
      <c r="AB241" s="248"/>
      <c r="AC241" s="248"/>
      <c r="AD241" s="248"/>
      <c r="AE241" s="248"/>
      <c r="AF241" s="248"/>
      <c r="AG241" s="248"/>
      <c r="AH241" s="248"/>
      <c r="AI241" s="248"/>
      <c r="AJ241" s="248"/>
      <c r="AK241" s="248"/>
      <c r="AL241" s="248"/>
      <c r="AM241" s="248"/>
      <c r="AN241" s="248"/>
      <c r="AO241" s="248"/>
      <c r="AP241" s="248"/>
      <c r="AQ241" s="248"/>
      <c r="AR241" s="248"/>
      <c r="AS241" s="248"/>
    </row>
    <row r="242" spans="1:45">
      <c r="A242" s="43" t="s">
        <v>350</v>
      </c>
      <c r="B242" s="43">
        <v>3669</v>
      </c>
      <c r="C242" s="196">
        <v>0.1090433664636099</v>
      </c>
      <c r="D242" s="92">
        <v>1.0303620458752962E-2</v>
      </c>
      <c r="E242" s="196">
        <v>0.12673372405574568</v>
      </c>
      <c r="F242" s="92">
        <v>1.0993430980410815E-2</v>
      </c>
      <c r="G242" s="196">
        <v>0.74961881169157574</v>
      </c>
      <c r="H242" s="92">
        <v>1.4302023550752958E-2</v>
      </c>
      <c r="I242" s="196">
        <v>1.4604097789070035E-2</v>
      </c>
      <c r="J242" s="92">
        <v>4.0287165092681527E-3</v>
      </c>
      <c r="K242" s="198">
        <v>3673</v>
      </c>
      <c r="L242" s="196">
        <v>0.12445309423105477</v>
      </c>
      <c r="M242" s="92">
        <v>1.0902749760087468E-2</v>
      </c>
      <c r="N242" s="196">
        <v>0.14254377892818759</v>
      </c>
      <c r="O242" s="92">
        <v>1.1544001126064542E-2</v>
      </c>
      <c r="P242" s="196">
        <v>0.62331538808503573</v>
      </c>
      <c r="Q242" s="92">
        <v>1.5982938348325766E-2</v>
      </c>
      <c r="R242" s="196">
        <v>0.10968773875572151</v>
      </c>
      <c r="S242" s="92">
        <v>1.032449371819859E-2</v>
      </c>
      <c r="W242" s="248"/>
      <c r="X242" s="248"/>
      <c r="Y242" s="248"/>
      <c r="Z242" s="248"/>
      <c r="AA242" s="248"/>
      <c r="AB242" s="248"/>
      <c r="AC242" s="248"/>
      <c r="AD242" s="248"/>
      <c r="AE242" s="248"/>
      <c r="AF242" s="248"/>
      <c r="AG242" s="248"/>
      <c r="AH242" s="248"/>
      <c r="AI242" s="248"/>
      <c r="AJ242" s="248"/>
      <c r="AK242" s="248"/>
      <c r="AL242" s="248"/>
      <c r="AM242" s="248"/>
      <c r="AN242" s="248"/>
      <c r="AO242" s="248"/>
      <c r="AP242" s="248"/>
      <c r="AQ242" s="248"/>
      <c r="AR242" s="248"/>
      <c r="AS242" s="248"/>
    </row>
    <row r="243" spans="1:45">
      <c r="A243" s="47" t="s">
        <v>574</v>
      </c>
      <c r="B243" s="47">
        <v>4946</v>
      </c>
      <c r="C243" s="197">
        <v>0.11361828761812248</v>
      </c>
      <c r="D243" s="95">
        <v>9.0319456814561844E-3</v>
      </c>
      <c r="E243" s="197">
        <v>0.124436831344304</v>
      </c>
      <c r="F243" s="95">
        <v>9.3928909337048887E-3</v>
      </c>
      <c r="G243" s="197">
        <v>0.7469942695312366</v>
      </c>
      <c r="H243" s="95">
        <v>1.2361307727589805E-2</v>
      </c>
      <c r="I243" s="197">
        <v>1.495061150633791E-2</v>
      </c>
      <c r="J243" s="95">
        <v>3.4939689608266557E-3</v>
      </c>
      <c r="K243" s="47">
        <v>4949</v>
      </c>
      <c r="L243" s="197">
        <v>0.12813388431615086</v>
      </c>
      <c r="M243" s="95">
        <v>9.5079363240147853E-3</v>
      </c>
      <c r="N243" s="197">
        <v>0.13961617767292578</v>
      </c>
      <c r="O243" s="95">
        <v>9.8579939419659712E-3</v>
      </c>
      <c r="P243" s="197">
        <v>0.62307865901501625</v>
      </c>
      <c r="Q243" s="95">
        <v>1.3772578178901923E-2</v>
      </c>
      <c r="R243" s="197">
        <v>0.1091712789959077</v>
      </c>
      <c r="S243" s="95">
        <v>8.8735435097403326E-3</v>
      </c>
      <c r="W243" s="248"/>
      <c r="X243" s="248"/>
      <c r="Y243" s="248"/>
      <c r="Z243" s="248"/>
      <c r="AA243" s="248"/>
      <c r="AB243" s="248"/>
      <c r="AC243" s="248"/>
      <c r="AD243" s="248"/>
      <c r="AE243" s="248"/>
      <c r="AF243" s="248"/>
      <c r="AG243" s="248"/>
      <c r="AH243" s="248"/>
      <c r="AI243" s="248"/>
      <c r="AJ243" s="248"/>
      <c r="AK243" s="248"/>
      <c r="AL243" s="248"/>
      <c r="AM243" s="248"/>
      <c r="AN243" s="248"/>
      <c r="AO243" s="248"/>
      <c r="AP243" s="248"/>
      <c r="AQ243" s="248"/>
      <c r="AR243" s="248"/>
      <c r="AS243" s="248"/>
    </row>
    <row r="244" spans="1:45">
      <c r="A244" s="43" t="s">
        <v>575</v>
      </c>
      <c r="B244" s="43">
        <v>5117</v>
      </c>
      <c r="C244" s="196">
        <v>0.19126248653208516</v>
      </c>
      <c r="D244" s="92">
        <v>1.0997150267126414E-2</v>
      </c>
      <c r="E244" s="196">
        <v>0.1280049466508362</v>
      </c>
      <c r="F244" s="92">
        <v>9.3463702105643625E-3</v>
      </c>
      <c r="G244" s="196">
        <v>0.67295139239711999</v>
      </c>
      <c r="H244" s="92">
        <v>1.3112837806964673E-2</v>
      </c>
      <c r="I244" s="196">
        <v>7.781174419958313E-3</v>
      </c>
      <c r="J244" s="92">
        <v>2.5151705337693249E-3</v>
      </c>
      <c r="K244" s="198">
        <v>5114</v>
      </c>
      <c r="L244" s="196">
        <v>0.21502724125406217</v>
      </c>
      <c r="M244" s="92">
        <v>1.1489921728748326E-2</v>
      </c>
      <c r="N244" s="196">
        <v>0.16595343433407414</v>
      </c>
      <c r="O244" s="92">
        <v>1.0407381830143603E-2</v>
      </c>
      <c r="P244" s="196">
        <v>0.55076438608535139</v>
      </c>
      <c r="Q244" s="92">
        <v>1.3906037713140192E-2</v>
      </c>
      <c r="R244" s="196">
        <v>6.8254938326511722E-2</v>
      </c>
      <c r="S244" s="92">
        <v>7.0662281863984062E-3</v>
      </c>
      <c r="W244" s="248"/>
      <c r="X244" s="248"/>
      <c r="Y244" s="248"/>
      <c r="Z244" s="248"/>
      <c r="AA244" s="248"/>
      <c r="AB244" s="248"/>
      <c r="AC244" s="248"/>
      <c r="AD244" s="248"/>
      <c r="AE244" s="248"/>
      <c r="AF244" s="248"/>
      <c r="AG244" s="248"/>
      <c r="AH244" s="248"/>
      <c r="AI244" s="248"/>
      <c r="AJ244" s="248"/>
      <c r="AK244" s="248"/>
      <c r="AL244" s="248"/>
      <c r="AM244" s="248"/>
      <c r="AN244" s="248"/>
      <c r="AO244" s="248"/>
      <c r="AP244" s="248"/>
      <c r="AQ244" s="248"/>
      <c r="AR244" s="248"/>
      <c r="AS244" s="248"/>
    </row>
    <row r="245" spans="1:45">
      <c r="A245" s="47" t="s">
        <v>576</v>
      </c>
      <c r="B245" s="47">
        <v>3117</v>
      </c>
      <c r="C245" s="197">
        <v>0.23905497709355919</v>
      </c>
      <c r="D245" s="95">
        <v>1.527625029200926E-2</v>
      </c>
      <c r="E245" s="197">
        <v>0.12715020694582876</v>
      </c>
      <c r="F245" s="95">
        <v>1.1945574700104265E-2</v>
      </c>
      <c r="G245" s="197">
        <v>0.62614292488043877</v>
      </c>
      <c r="H245" s="95">
        <v>1.7322495607473159E-2</v>
      </c>
      <c r="I245" s="197">
        <v>7.6518910801662643E-3</v>
      </c>
      <c r="J245" s="95">
        <v>3.2446535723967061E-3</v>
      </c>
      <c r="K245" s="47">
        <v>3125</v>
      </c>
      <c r="L245" s="197">
        <v>0.2802257955279947</v>
      </c>
      <c r="M245" s="95">
        <v>1.6062466421319765E-2</v>
      </c>
      <c r="N245" s="197">
        <v>0.16281687656805294</v>
      </c>
      <c r="O245" s="95">
        <v>1.3214460642939152E-2</v>
      </c>
      <c r="P245" s="197">
        <v>0.50635549072813213</v>
      </c>
      <c r="Q245" s="95">
        <v>1.7875665569448911E-2</v>
      </c>
      <c r="R245" s="197">
        <v>5.0601837175813354E-2</v>
      </c>
      <c r="S245" s="95">
        <v>7.8786996417916852E-3</v>
      </c>
      <c r="W245" s="248"/>
      <c r="X245" s="248"/>
      <c r="Y245" s="248"/>
      <c r="Z245" s="248"/>
      <c r="AA245" s="248"/>
      <c r="AB245" s="248"/>
      <c r="AC245" s="248"/>
      <c r="AD245" s="248"/>
      <c r="AE245" s="248"/>
      <c r="AF245" s="248"/>
      <c r="AG245" s="248"/>
      <c r="AH245" s="248"/>
      <c r="AI245" s="248"/>
      <c r="AJ245" s="248"/>
      <c r="AK245" s="248"/>
      <c r="AL245" s="248"/>
      <c r="AM245" s="248"/>
      <c r="AN245" s="248"/>
      <c r="AO245" s="248"/>
      <c r="AP245" s="248"/>
      <c r="AQ245" s="248"/>
      <c r="AR245" s="248"/>
      <c r="AS245" s="248"/>
    </row>
    <row r="246" spans="1:45">
      <c r="A246" s="43" t="s">
        <v>577</v>
      </c>
      <c r="B246" s="43">
        <v>414</v>
      </c>
      <c r="C246" s="196">
        <v>0.28774348636428548</v>
      </c>
      <c r="D246" s="92">
        <v>4.4378246090064383E-2</v>
      </c>
      <c r="E246" s="196">
        <v>0.10907502025044817</v>
      </c>
      <c r="F246" s="92">
        <v>3.0948095964210453E-2</v>
      </c>
      <c r="G246" s="196">
        <v>0.60318149338526583</v>
      </c>
      <c r="H246" s="92">
        <v>4.7879070528532686E-2</v>
      </c>
      <c r="I246" s="196">
        <v>0</v>
      </c>
      <c r="J246" s="92">
        <v>6.7503646872487761E-3</v>
      </c>
      <c r="K246" s="198">
        <v>412</v>
      </c>
      <c r="L246" s="196">
        <v>0.41714723898223061</v>
      </c>
      <c r="M246" s="92">
        <v>4.8364282402163582E-2</v>
      </c>
      <c r="N246" s="196">
        <v>0.16706825128583386</v>
      </c>
      <c r="O246" s="92">
        <v>3.6857027472363892E-2</v>
      </c>
      <c r="P246" s="196">
        <v>0.360965417478532</v>
      </c>
      <c r="Q246" s="92">
        <v>4.713313184662668E-2</v>
      </c>
      <c r="R246" s="196">
        <v>5.4819092253402618E-2</v>
      </c>
      <c r="S246" s="92">
        <v>2.3123187242121868E-2</v>
      </c>
      <c r="W246" s="248"/>
      <c r="X246" s="248"/>
      <c r="Y246" s="248"/>
      <c r="Z246" s="248"/>
      <c r="AA246" s="248"/>
      <c r="AB246" s="248"/>
      <c r="AC246" s="248"/>
      <c r="AD246" s="248"/>
      <c r="AE246" s="248"/>
      <c r="AF246" s="248"/>
      <c r="AG246" s="248"/>
      <c r="AH246" s="248"/>
      <c r="AI246" s="248"/>
      <c r="AJ246" s="248"/>
      <c r="AK246" s="248"/>
      <c r="AL246" s="248"/>
      <c r="AM246" s="248"/>
      <c r="AN246" s="248"/>
      <c r="AO246" s="248"/>
      <c r="AP246" s="248"/>
      <c r="AQ246" s="248"/>
      <c r="AR246" s="248"/>
      <c r="AS246" s="248"/>
    </row>
    <row r="247" spans="1:45">
      <c r="A247" s="47" t="s">
        <v>578</v>
      </c>
      <c r="B247" s="47">
        <v>144</v>
      </c>
      <c r="C247" s="197">
        <v>0.46295503281430789</v>
      </c>
      <c r="D247" s="95">
        <v>8.1985636176384158E-2</v>
      </c>
      <c r="E247" s="197">
        <v>0.17250567539493925</v>
      </c>
      <c r="F247" s="95">
        <v>6.3345162967990004E-2</v>
      </c>
      <c r="G247" s="197">
        <v>0.35167655719848179</v>
      </c>
      <c r="H247" s="95">
        <v>7.8701156804096631E-2</v>
      </c>
      <c r="I247" s="197">
        <v>1.286273459227057E-2</v>
      </c>
      <c r="J247" s="95">
        <v>2.617566347913676E-2</v>
      </c>
      <c r="K247" s="47">
        <v>143</v>
      </c>
      <c r="L247" s="197">
        <v>0.64703529910215218</v>
      </c>
      <c r="M247" s="95">
        <v>7.9031755950421237E-2</v>
      </c>
      <c r="N247" s="197">
        <v>9.0367333257870594E-2</v>
      </c>
      <c r="O247" s="95">
        <v>4.9818377264470685E-2</v>
      </c>
      <c r="P247" s="197">
        <v>0.17980710630547431</v>
      </c>
      <c r="Q247" s="95">
        <v>6.451917581258379E-2</v>
      </c>
      <c r="R247" s="197">
        <v>8.279026133450243E-2</v>
      </c>
      <c r="S247" s="95">
        <v>4.8172033067604696E-2</v>
      </c>
      <c r="W247" s="248"/>
      <c r="X247" s="248"/>
      <c r="Y247" s="248"/>
      <c r="Z247" s="248"/>
      <c r="AA247" s="248"/>
      <c r="AB247" s="248"/>
      <c r="AC247" s="248"/>
      <c r="AD247" s="248"/>
      <c r="AE247" s="248"/>
      <c r="AF247" s="248"/>
      <c r="AG247" s="248"/>
      <c r="AH247" s="248"/>
      <c r="AI247" s="248"/>
      <c r="AJ247" s="248"/>
      <c r="AK247" s="248"/>
      <c r="AL247" s="248"/>
      <c r="AM247" s="248"/>
      <c r="AN247" s="248"/>
      <c r="AO247" s="248"/>
      <c r="AP247" s="248"/>
      <c r="AQ247" s="248"/>
      <c r="AR247" s="248"/>
      <c r="AS247" s="248"/>
    </row>
    <row r="248" spans="1:45">
      <c r="A248" s="43" t="s">
        <v>581</v>
      </c>
      <c r="B248" s="43">
        <v>9781</v>
      </c>
      <c r="C248" s="196">
        <v>0.13734879909371497</v>
      </c>
      <c r="D248" s="92">
        <v>6.9626820138387734E-3</v>
      </c>
      <c r="E248" s="196">
        <v>0.12671347039298583</v>
      </c>
      <c r="F248" s="92">
        <v>6.7291893745423303E-3</v>
      </c>
      <c r="G248" s="196">
        <v>0.72229808570076737</v>
      </c>
      <c r="H248" s="92">
        <v>9.0560950913580376E-3</v>
      </c>
      <c r="I248" s="196">
        <v>1.3639644812553229E-2</v>
      </c>
      <c r="J248" s="92">
        <v>2.3619328568440959E-3</v>
      </c>
      <c r="K248" s="198">
        <v>9775</v>
      </c>
      <c r="L248" s="196">
        <v>0.15974499954438884</v>
      </c>
      <c r="M248" s="92">
        <v>7.4123360086250393E-3</v>
      </c>
      <c r="N248" s="196">
        <v>0.14677058965021203</v>
      </c>
      <c r="O248" s="92">
        <v>7.1599845697570916E-3</v>
      </c>
      <c r="P248" s="196">
        <v>0.59528289108283461</v>
      </c>
      <c r="Q248" s="92">
        <v>9.9272040291006648E-3</v>
      </c>
      <c r="R248" s="196">
        <v>9.8201519722584646E-2</v>
      </c>
      <c r="S248" s="92">
        <v>6.0231012702112565E-3</v>
      </c>
      <c r="W248" s="248"/>
      <c r="X248" s="248"/>
      <c r="Y248" s="248"/>
      <c r="Z248" s="248"/>
      <c r="AA248" s="248"/>
      <c r="AB248" s="248"/>
      <c r="AC248" s="248"/>
      <c r="AD248" s="248"/>
      <c r="AE248" s="248"/>
      <c r="AF248" s="248"/>
      <c r="AG248" s="248"/>
      <c r="AH248" s="248"/>
      <c r="AI248" s="248"/>
      <c r="AJ248" s="248"/>
      <c r="AK248" s="248"/>
      <c r="AL248" s="248"/>
      <c r="AM248" s="248"/>
      <c r="AN248" s="248"/>
      <c r="AO248" s="248"/>
      <c r="AP248" s="248"/>
      <c r="AQ248" s="248"/>
      <c r="AR248" s="248"/>
      <c r="AS248" s="248"/>
    </row>
    <row r="249" spans="1:45">
      <c r="A249" s="47" t="s">
        <v>580</v>
      </c>
      <c r="B249" s="47">
        <v>4000</v>
      </c>
      <c r="C249" s="197">
        <v>0.21124407738082515</v>
      </c>
      <c r="D249" s="95">
        <v>1.2908133381856403E-2</v>
      </c>
      <c r="E249" s="197">
        <v>0.1157894259519347</v>
      </c>
      <c r="F249" s="95">
        <v>1.0127904699537419E-2</v>
      </c>
      <c r="G249" s="197">
        <v>0.66631127224239572</v>
      </c>
      <c r="H249" s="95">
        <v>1.4905489697179848E-2</v>
      </c>
      <c r="I249" s="197">
        <v>6.6552244248434499E-3</v>
      </c>
      <c r="J249" s="95">
        <v>2.6626850098255129E-3</v>
      </c>
      <c r="K249" s="47">
        <v>4011</v>
      </c>
      <c r="L249" s="197">
        <v>0.22634624808445955</v>
      </c>
      <c r="M249" s="95">
        <v>1.3213931398368513E-2</v>
      </c>
      <c r="N249" s="197">
        <v>0.14600347201881009</v>
      </c>
      <c r="O249" s="95">
        <v>1.1156579439894419E-2</v>
      </c>
      <c r="P249" s="197">
        <v>0.55442086247652567</v>
      </c>
      <c r="Q249" s="95">
        <v>1.5688253981732295E-2</v>
      </c>
      <c r="R249" s="197">
        <v>7.322941742020507E-2</v>
      </c>
      <c r="S249" s="95">
        <v>8.2446764248122455E-3</v>
      </c>
      <c r="W249" s="248"/>
      <c r="X249" s="248"/>
      <c r="Y249" s="248"/>
      <c r="Z249" s="248"/>
      <c r="AA249" s="248"/>
      <c r="AB249" s="248"/>
      <c r="AC249" s="248"/>
      <c r="AD249" s="248"/>
      <c r="AE249" s="248"/>
      <c r="AF249" s="248"/>
      <c r="AG249" s="248"/>
      <c r="AH249" s="248"/>
      <c r="AI249" s="248"/>
      <c r="AJ249" s="248"/>
      <c r="AK249" s="248"/>
      <c r="AL249" s="248"/>
      <c r="AM249" s="248"/>
      <c r="AN249" s="248"/>
      <c r="AO249" s="248"/>
      <c r="AP249" s="248"/>
      <c r="AQ249" s="248"/>
      <c r="AR249" s="248"/>
      <c r="AS249" s="248"/>
    </row>
    <row r="250" spans="1:45">
      <c r="A250" s="43" t="s">
        <v>583</v>
      </c>
      <c r="B250" s="43">
        <v>917</v>
      </c>
      <c r="C250" s="196">
        <v>0.25178510415356303</v>
      </c>
      <c r="D250" s="92">
        <v>2.8644616898880759E-2</v>
      </c>
      <c r="E250" s="196">
        <v>9.5491644857158442E-2</v>
      </c>
      <c r="F250" s="92">
        <v>1.9526557306334093E-2</v>
      </c>
      <c r="G250" s="196">
        <v>0.64928654390965623</v>
      </c>
      <c r="H250" s="92">
        <v>3.1461448923716377E-2</v>
      </c>
      <c r="I250" s="196">
        <v>3.4367070796206046E-3</v>
      </c>
      <c r="J250" s="92">
        <v>4.9149325423110497E-3</v>
      </c>
      <c r="K250" s="198">
        <v>920</v>
      </c>
      <c r="L250" s="196">
        <v>0.25629838088098439</v>
      </c>
      <c r="M250" s="92">
        <v>2.8764050669912052E-2</v>
      </c>
      <c r="N250" s="196">
        <v>0.16819348765858616</v>
      </c>
      <c r="O250" s="92">
        <v>2.4693408647155655E-2</v>
      </c>
      <c r="P250" s="196">
        <v>0.52926916405474589</v>
      </c>
      <c r="Q250" s="92">
        <v>3.2841658501855164E-2</v>
      </c>
      <c r="R250" s="196">
        <v>4.6238967405681779E-2</v>
      </c>
      <c r="S250" s="92">
        <v>1.4093033903588428E-2</v>
      </c>
      <c r="W250" s="248"/>
      <c r="X250" s="248"/>
      <c r="Y250" s="248"/>
      <c r="Z250" s="248"/>
      <c r="AA250" s="248"/>
      <c r="AB250" s="248"/>
      <c r="AC250" s="248"/>
      <c r="AD250" s="248"/>
      <c r="AE250" s="248"/>
      <c r="AF250" s="248"/>
      <c r="AG250" s="248"/>
      <c r="AH250" s="248"/>
      <c r="AI250" s="248"/>
      <c r="AJ250" s="248"/>
      <c r="AK250" s="248"/>
      <c r="AL250" s="248"/>
      <c r="AM250" s="248"/>
      <c r="AN250" s="248"/>
      <c r="AO250" s="248"/>
      <c r="AP250" s="248"/>
      <c r="AQ250" s="248"/>
      <c r="AR250" s="248"/>
      <c r="AS250" s="248"/>
    </row>
    <row r="251" spans="1:45">
      <c r="A251" s="47" t="s">
        <v>582</v>
      </c>
      <c r="B251" s="47">
        <v>3083</v>
      </c>
      <c r="C251" s="197">
        <v>0.19663138535243171</v>
      </c>
      <c r="D251" s="95">
        <v>1.4317689049584812E-2</v>
      </c>
      <c r="E251" s="197">
        <v>0.12310560039567527</v>
      </c>
      <c r="F251" s="95">
        <v>1.184712555876322E-2</v>
      </c>
      <c r="G251" s="197">
        <v>0.67244770073958182</v>
      </c>
      <c r="H251" s="95">
        <v>1.6896905620262762E-2</v>
      </c>
      <c r="I251" s="197">
        <v>7.8153135123110104E-3</v>
      </c>
      <c r="J251" s="95">
        <v>3.2955311617859492E-3</v>
      </c>
      <c r="K251" s="47">
        <v>3091</v>
      </c>
      <c r="L251" s="197">
        <v>0.21556589204766649</v>
      </c>
      <c r="M251" s="95">
        <v>1.4792314369487176E-2</v>
      </c>
      <c r="N251" s="197">
        <v>0.13801685314649573</v>
      </c>
      <c r="O251" s="95">
        <v>1.2417439161453802E-2</v>
      </c>
      <c r="P251" s="197">
        <v>0.56347344867326776</v>
      </c>
      <c r="Q251" s="95">
        <v>1.7829982498926381E-2</v>
      </c>
      <c r="R251" s="197">
        <v>8.2943806132570186E-2</v>
      </c>
      <c r="S251" s="95">
        <v>9.9441693511629747E-3</v>
      </c>
      <c r="W251" s="248"/>
      <c r="X251" s="248"/>
      <c r="Y251" s="248"/>
      <c r="Z251" s="248"/>
      <c r="AA251" s="248"/>
      <c r="AB251" s="248"/>
      <c r="AC251" s="248"/>
      <c r="AD251" s="248"/>
      <c r="AE251" s="248"/>
      <c r="AF251" s="248"/>
      <c r="AG251" s="248"/>
      <c r="AH251" s="248"/>
      <c r="AI251" s="248"/>
      <c r="AJ251" s="248"/>
      <c r="AK251" s="248"/>
      <c r="AL251" s="248"/>
      <c r="AM251" s="248"/>
      <c r="AN251" s="248"/>
      <c r="AO251" s="248"/>
      <c r="AP251" s="248"/>
      <c r="AQ251" s="248"/>
      <c r="AR251" s="248"/>
      <c r="AS251" s="248"/>
    </row>
    <row r="252" spans="1:45">
      <c r="A252" s="43" t="s">
        <v>568</v>
      </c>
      <c r="B252" s="43">
        <v>8210</v>
      </c>
      <c r="C252" s="196">
        <v>0.14473309593992634</v>
      </c>
      <c r="D252" s="92">
        <v>7.7678867709301911E-3</v>
      </c>
      <c r="E252" s="196">
        <v>0.12793434063970577</v>
      </c>
      <c r="F252" s="92">
        <v>7.3753562285446403E-3</v>
      </c>
      <c r="G252" s="196">
        <v>0.7133725530121191</v>
      </c>
      <c r="H252" s="92">
        <v>9.9796843681433187E-3</v>
      </c>
      <c r="I252" s="196">
        <v>1.3960010408242456E-2</v>
      </c>
      <c r="J252" s="92">
        <v>2.610606815152967E-3</v>
      </c>
      <c r="K252" s="198">
        <v>8210</v>
      </c>
      <c r="L252" s="196">
        <v>0.17140728724879115</v>
      </c>
      <c r="M252" s="92">
        <v>8.3195248729695144E-3</v>
      </c>
      <c r="N252" s="196">
        <v>0.15319069284622525</v>
      </c>
      <c r="O252" s="92">
        <v>7.951656312580482E-3</v>
      </c>
      <c r="P252" s="196">
        <v>0.56307499723559395</v>
      </c>
      <c r="Q252" s="92">
        <v>1.094567719800275E-2</v>
      </c>
      <c r="R252" s="196">
        <v>0.11232702266937897</v>
      </c>
      <c r="S252" s="92">
        <v>6.973322214120314E-3</v>
      </c>
      <c r="W252" s="248"/>
      <c r="X252" s="248"/>
      <c r="Y252" s="248"/>
      <c r="Z252" s="248"/>
      <c r="AA252" s="248"/>
      <c r="AB252" s="248"/>
      <c r="AC252" s="248"/>
      <c r="AD252" s="248"/>
      <c r="AE252" s="248"/>
      <c r="AF252" s="248"/>
      <c r="AG252" s="248"/>
      <c r="AH252" s="248"/>
      <c r="AI252" s="248"/>
      <c r="AJ252" s="248"/>
      <c r="AK252" s="248"/>
      <c r="AL252" s="248"/>
      <c r="AM252" s="248"/>
      <c r="AN252" s="248"/>
      <c r="AO252" s="248"/>
      <c r="AP252" s="248"/>
      <c r="AQ252" s="248"/>
      <c r="AR252" s="248"/>
      <c r="AS252" s="248"/>
    </row>
    <row r="253" spans="1:45">
      <c r="A253" s="47" t="s">
        <v>569</v>
      </c>
      <c r="B253" s="47">
        <v>5476</v>
      </c>
      <c r="C253" s="197">
        <v>0.1437785778963202</v>
      </c>
      <c r="D253" s="95">
        <v>9.4865050945782316E-3</v>
      </c>
      <c r="E253" s="197">
        <v>0.12213526193176545</v>
      </c>
      <c r="F253" s="95">
        <v>8.8551442501816433E-3</v>
      </c>
      <c r="G253" s="197">
        <v>0.7228516990184134</v>
      </c>
      <c r="H253" s="95">
        <v>1.209480778805027E-2</v>
      </c>
      <c r="I253" s="197">
        <v>1.1234461153515006E-2</v>
      </c>
      <c r="J253" s="95">
        <v>2.8918293958960393E-3</v>
      </c>
      <c r="K253" s="47">
        <v>5482</v>
      </c>
      <c r="L253" s="197">
        <v>0.15796020999527011</v>
      </c>
      <c r="M253" s="95">
        <v>9.854180107750226E-3</v>
      </c>
      <c r="N253" s="197">
        <v>0.13803843651429706</v>
      </c>
      <c r="O253" s="95">
        <v>9.3216830482347867E-3</v>
      </c>
      <c r="P253" s="197">
        <v>0.62722538032734854</v>
      </c>
      <c r="Q253" s="95">
        <v>1.3057468471707615E-2</v>
      </c>
      <c r="R253" s="197">
        <v>7.6775973163102348E-2</v>
      </c>
      <c r="S253" s="95">
        <v>7.2022259729187148E-3</v>
      </c>
      <c r="W253" s="248"/>
      <c r="X253" s="248"/>
      <c r="Y253" s="248"/>
      <c r="Z253" s="248"/>
      <c r="AA253" s="248"/>
      <c r="AB253" s="248"/>
      <c r="AC253" s="248"/>
      <c r="AD253" s="248"/>
      <c r="AE253" s="248"/>
      <c r="AF253" s="248"/>
      <c r="AG253" s="248"/>
      <c r="AH253" s="248"/>
      <c r="AI253" s="248"/>
      <c r="AJ253" s="248"/>
      <c r="AK253" s="248"/>
      <c r="AL253" s="248"/>
      <c r="AM253" s="248"/>
      <c r="AN253" s="248"/>
      <c r="AO253" s="248"/>
      <c r="AP253" s="248"/>
      <c r="AQ253" s="248"/>
      <c r="AR253" s="248"/>
      <c r="AS253" s="248"/>
    </row>
    <row r="254" spans="1:45">
      <c r="A254" s="43" t="s">
        <v>570</v>
      </c>
      <c r="B254" s="43">
        <v>1765</v>
      </c>
      <c r="C254" s="196">
        <v>0.14128293597009944</v>
      </c>
      <c r="D254" s="92">
        <v>1.6602514606170637E-2</v>
      </c>
      <c r="E254" s="196">
        <v>0.13449243164427382</v>
      </c>
      <c r="F254" s="92">
        <v>1.6265720212754246E-2</v>
      </c>
      <c r="G254" s="196">
        <v>0.70256609027900263</v>
      </c>
      <c r="H254" s="92">
        <v>2.1746903983894849E-2</v>
      </c>
      <c r="I254" s="196">
        <v>2.1658542106621676E-2</v>
      </c>
      <c r="J254" s="92">
        <v>7.0887192719269214E-3</v>
      </c>
      <c r="K254" s="198">
        <v>1764</v>
      </c>
      <c r="L254" s="196">
        <v>0.18981177603148378</v>
      </c>
      <c r="M254" s="92">
        <v>1.8679128082023537E-2</v>
      </c>
      <c r="N254" s="196">
        <v>0.16900808094254097</v>
      </c>
      <c r="O254" s="92">
        <v>1.7856866536550779E-2</v>
      </c>
      <c r="P254" s="196">
        <v>0.52262147433630124</v>
      </c>
      <c r="Q254" s="92">
        <v>2.3758331799079824E-2</v>
      </c>
      <c r="R254" s="196">
        <v>0.11855866868967457</v>
      </c>
      <c r="S254" s="92">
        <v>1.5424617869465957E-2</v>
      </c>
      <c r="W254" s="248"/>
      <c r="X254" s="248"/>
      <c r="Y254" s="248"/>
      <c r="Z254" s="248"/>
      <c r="AA254" s="248"/>
      <c r="AB254" s="248"/>
      <c r="AC254" s="248"/>
      <c r="AD254" s="248"/>
      <c r="AE254" s="248"/>
      <c r="AF254" s="248"/>
      <c r="AG254" s="248"/>
      <c r="AH254" s="248"/>
      <c r="AI254" s="248"/>
      <c r="AJ254" s="248"/>
      <c r="AK254" s="248"/>
      <c r="AL254" s="248"/>
      <c r="AM254" s="248"/>
      <c r="AN254" s="248"/>
      <c r="AO254" s="248"/>
      <c r="AP254" s="248"/>
      <c r="AQ254" s="248"/>
      <c r="AR254" s="248"/>
      <c r="AS254" s="248"/>
    </row>
    <row r="255" spans="1:45">
      <c r="A255" s="47" t="s">
        <v>571</v>
      </c>
      <c r="B255" s="47">
        <v>3744</v>
      </c>
      <c r="C255" s="197">
        <v>0.13817797822181471</v>
      </c>
      <c r="D255" s="95">
        <v>1.1286702737352442E-2</v>
      </c>
      <c r="E255" s="197">
        <v>0.13410032175353825</v>
      </c>
      <c r="F255" s="95">
        <v>1.1145828817961622E-2</v>
      </c>
      <c r="G255" s="197">
        <v>0.7154001310001622</v>
      </c>
      <c r="H255" s="95">
        <v>1.4744416820985252E-2</v>
      </c>
      <c r="I255" s="197">
        <v>1.2321569024486723E-2</v>
      </c>
      <c r="J255" s="95">
        <v>3.6782436039164462E-3</v>
      </c>
      <c r="K255" s="47">
        <v>3746</v>
      </c>
      <c r="L255" s="197">
        <v>0.16950360019329139</v>
      </c>
      <c r="M255" s="95">
        <v>1.226398629676856E-2</v>
      </c>
      <c r="N255" s="197">
        <v>0.16384241489676557</v>
      </c>
      <c r="O255" s="95">
        <v>1.2099102784298993E-2</v>
      </c>
      <c r="P255" s="197">
        <v>0.57336103003499739</v>
      </c>
      <c r="Q255" s="95">
        <v>1.6153584020365999E-2</v>
      </c>
      <c r="R255" s="197">
        <v>9.329295487494639E-2</v>
      </c>
      <c r="S255" s="95">
        <v>9.5186591344585385E-3</v>
      </c>
      <c r="W255" s="248"/>
      <c r="X255" s="248"/>
      <c r="Y255" s="248"/>
      <c r="Z255" s="248"/>
      <c r="AA255" s="248"/>
      <c r="AB255" s="248"/>
      <c r="AC255" s="248"/>
      <c r="AD255" s="248"/>
      <c r="AE255" s="248"/>
      <c r="AF255" s="248"/>
      <c r="AG255" s="248"/>
      <c r="AH255" s="248"/>
      <c r="AI255" s="248"/>
      <c r="AJ255" s="248"/>
      <c r="AK255" s="248"/>
      <c r="AL255" s="248"/>
      <c r="AM255" s="248"/>
      <c r="AN255" s="248"/>
      <c r="AO255" s="248"/>
      <c r="AP255" s="248"/>
      <c r="AQ255" s="248"/>
      <c r="AR255" s="248"/>
      <c r="AS255" s="248"/>
    </row>
    <row r="256" spans="1:45">
      <c r="A256" s="43" t="s">
        <v>572</v>
      </c>
      <c r="B256" s="43">
        <v>4142</v>
      </c>
      <c r="C256" s="196">
        <v>0.15681526907130583</v>
      </c>
      <c r="D256" s="92">
        <v>1.1304298132906621E-2</v>
      </c>
      <c r="E256" s="196">
        <v>0.13368751960992134</v>
      </c>
      <c r="F256" s="92">
        <v>1.0582365298444569E-2</v>
      </c>
      <c r="G256" s="196">
        <v>0.6999144581590927</v>
      </c>
      <c r="H256" s="92">
        <v>1.42377066423925E-2</v>
      </c>
      <c r="I256" s="196">
        <v>9.5827531596863677E-3</v>
      </c>
      <c r="J256" s="92">
        <v>3.0990684363772455E-3</v>
      </c>
      <c r="K256" s="198">
        <v>4148</v>
      </c>
      <c r="L256" s="196">
        <v>0.16718555974615426</v>
      </c>
      <c r="M256" s="92">
        <v>1.1590635815031445E-2</v>
      </c>
      <c r="N256" s="196">
        <v>0.14909994311008043</v>
      </c>
      <c r="O256" s="92">
        <v>1.1065851329149294E-2</v>
      </c>
      <c r="P256" s="196">
        <v>0.59524806274294573</v>
      </c>
      <c r="Q256" s="92">
        <v>1.523563407065227E-2</v>
      </c>
      <c r="R256" s="196">
        <v>8.8466434400827479E-2</v>
      </c>
      <c r="S256" s="92">
        <v>8.8318855907103134E-3</v>
      </c>
      <c r="W256" s="248"/>
      <c r="X256" s="248"/>
      <c r="Y256" s="248"/>
      <c r="Z256" s="248"/>
      <c r="AA256" s="248"/>
      <c r="AB256" s="248"/>
      <c r="AC256" s="248"/>
      <c r="AD256" s="248"/>
      <c r="AE256" s="248"/>
      <c r="AF256" s="248"/>
      <c r="AG256" s="248"/>
      <c r="AH256" s="248"/>
      <c r="AI256" s="248"/>
      <c r="AJ256" s="248"/>
      <c r="AK256" s="248"/>
      <c r="AL256" s="248"/>
      <c r="AM256" s="248"/>
      <c r="AN256" s="248"/>
      <c r="AO256" s="248"/>
      <c r="AP256" s="248"/>
      <c r="AQ256" s="248"/>
      <c r="AR256" s="248"/>
      <c r="AS256" s="248"/>
    </row>
    <row r="257" spans="1:45">
      <c r="A257" s="47" t="s">
        <v>573</v>
      </c>
      <c r="B257" s="47">
        <v>3970</v>
      </c>
      <c r="C257" s="197">
        <v>0.14238608705215353</v>
      </c>
      <c r="D257" s="95">
        <v>1.109820773528453E-2</v>
      </c>
      <c r="E257" s="197">
        <v>8.6283825369479553E-2</v>
      </c>
      <c r="F257" s="95">
        <v>8.9275626108775361E-3</v>
      </c>
      <c r="G257" s="197">
        <v>0.76213992060867009</v>
      </c>
      <c r="H257" s="95">
        <v>1.351324821992214E-2</v>
      </c>
      <c r="I257" s="197">
        <v>9.1901669696914622E-3</v>
      </c>
      <c r="J257" s="95">
        <v>3.1069518691874717E-3</v>
      </c>
      <c r="K257" s="47">
        <v>3968</v>
      </c>
      <c r="L257" s="197">
        <v>0.12820232243203664</v>
      </c>
      <c r="M257" s="95">
        <v>1.0622363434659646E-2</v>
      </c>
      <c r="N257" s="197">
        <v>8.5905866675598727E-2</v>
      </c>
      <c r="O257" s="95">
        <v>8.9121956286584772E-3</v>
      </c>
      <c r="P257" s="197">
        <v>0.70297198824848561</v>
      </c>
      <c r="Q257" s="95">
        <v>1.4503717143249731E-2</v>
      </c>
      <c r="R257" s="197">
        <v>8.2919822643870211E-2</v>
      </c>
      <c r="S257" s="95">
        <v>8.7711369526638581E-3</v>
      </c>
      <c r="W257" s="248"/>
      <c r="X257" s="248"/>
      <c r="Y257" s="248"/>
      <c r="Z257" s="248"/>
      <c r="AA257" s="248"/>
      <c r="AB257" s="248"/>
      <c r="AC257" s="248"/>
      <c r="AD257" s="248"/>
      <c r="AE257" s="248"/>
      <c r="AF257" s="248"/>
      <c r="AG257" s="248"/>
      <c r="AH257" s="248"/>
      <c r="AI257" s="248"/>
      <c r="AJ257" s="248"/>
      <c r="AK257" s="248"/>
      <c r="AL257" s="248"/>
      <c r="AM257" s="248"/>
      <c r="AN257" s="248"/>
      <c r="AO257" s="248"/>
      <c r="AP257" s="248"/>
      <c r="AQ257" s="248"/>
      <c r="AR257" s="248"/>
      <c r="AS257" s="248"/>
    </row>
    <row r="258" spans="1:45">
      <c r="A258" s="43" t="s">
        <v>579</v>
      </c>
      <c r="B258" s="43">
        <v>9604</v>
      </c>
      <c r="C258" s="196">
        <v>0.15012111978698151</v>
      </c>
      <c r="D258" s="92">
        <v>7.2909864087603304E-3</v>
      </c>
      <c r="E258" s="196">
        <v>0.12452758000474309</v>
      </c>
      <c r="F258" s="92">
        <v>6.7406401172661005E-3</v>
      </c>
      <c r="G258" s="196">
        <v>0.71110692067530668</v>
      </c>
      <c r="H258" s="92">
        <v>9.2488712059429386E-3</v>
      </c>
      <c r="I258" s="196">
        <v>1.4244379532989989E-2</v>
      </c>
      <c r="J258" s="92">
        <v>2.434650011228633E-3</v>
      </c>
      <c r="K258" s="198">
        <v>9616</v>
      </c>
      <c r="L258" s="196">
        <v>0.1702002634230336</v>
      </c>
      <c r="M258" s="92">
        <v>7.665636429535206E-3</v>
      </c>
      <c r="N258" s="196">
        <v>0.14588770758512376</v>
      </c>
      <c r="O258" s="92">
        <v>7.2009684523125358E-3</v>
      </c>
      <c r="P258" s="196">
        <v>0.58883214698660025</v>
      </c>
      <c r="Q258" s="92">
        <v>1.0033528212586991E-2</v>
      </c>
      <c r="R258" s="196">
        <v>9.507988200526421E-2</v>
      </c>
      <c r="S258" s="92">
        <v>5.9859856852058479E-3</v>
      </c>
      <c r="W258" s="248"/>
      <c r="X258" s="248"/>
      <c r="Y258" s="248"/>
      <c r="Z258" s="248"/>
      <c r="AA258" s="248"/>
      <c r="AB258" s="248"/>
      <c r="AC258" s="248"/>
      <c r="AD258" s="248"/>
      <c r="AE258" s="248"/>
      <c r="AF258" s="248"/>
      <c r="AG258" s="248"/>
      <c r="AH258" s="248"/>
      <c r="AI258" s="248"/>
      <c r="AJ258" s="248"/>
      <c r="AK258" s="248"/>
      <c r="AL258" s="248"/>
      <c r="AM258" s="248"/>
      <c r="AN258" s="248"/>
      <c r="AO258" s="248"/>
      <c r="AP258" s="248"/>
      <c r="AQ258" s="248"/>
      <c r="AR258" s="248"/>
      <c r="AS258" s="248"/>
    </row>
    <row r="259" spans="1:45">
      <c r="A259" s="47" t="s">
        <v>585</v>
      </c>
      <c r="B259" s="47">
        <v>1543</v>
      </c>
      <c r="C259" s="197">
        <v>0.13526578043506249</v>
      </c>
      <c r="D259" s="95">
        <v>1.7441823370870049E-2</v>
      </c>
      <c r="E259" s="197">
        <v>0.1342553489608829</v>
      </c>
      <c r="F259" s="95">
        <v>1.7387311292334801E-2</v>
      </c>
      <c r="G259" s="197">
        <v>0.71975405344404886</v>
      </c>
      <c r="H259" s="95">
        <v>2.2851509915149518E-2</v>
      </c>
      <c r="I259" s="197">
        <v>1.0724817160006776E-2</v>
      </c>
      <c r="J259" s="95">
        <v>5.5344378482620063E-3</v>
      </c>
      <c r="K259" s="47">
        <v>1545</v>
      </c>
      <c r="L259" s="197">
        <v>0.15867958112066699</v>
      </c>
      <c r="M259" s="95">
        <v>1.8608901386057319E-2</v>
      </c>
      <c r="N259" s="197">
        <v>0.12288066148012632</v>
      </c>
      <c r="O259" s="95">
        <v>1.6739724292960726E-2</v>
      </c>
      <c r="P259" s="197">
        <v>0.61725811315085288</v>
      </c>
      <c r="Q259" s="95">
        <v>2.4703350583318306E-2</v>
      </c>
      <c r="R259" s="197">
        <v>0.10118164424835568</v>
      </c>
      <c r="S259" s="95">
        <v>1.5393636228018205E-2</v>
      </c>
      <c r="W259" s="248"/>
      <c r="X259" s="248"/>
      <c r="Y259" s="248"/>
      <c r="Z259" s="248"/>
      <c r="AA259" s="248"/>
      <c r="AB259" s="248"/>
      <c r="AC259" s="248"/>
      <c r="AD259" s="248"/>
      <c r="AE259" s="248"/>
      <c r="AF259" s="248"/>
      <c r="AG259" s="248"/>
      <c r="AH259" s="248"/>
      <c r="AI259" s="248"/>
      <c r="AJ259" s="248"/>
      <c r="AK259" s="248"/>
      <c r="AL259" s="248"/>
      <c r="AM259" s="248"/>
      <c r="AN259" s="248"/>
      <c r="AO259" s="248"/>
      <c r="AP259" s="248"/>
      <c r="AQ259" s="248"/>
      <c r="AR259" s="248"/>
      <c r="AS259" s="248"/>
    </row>
    <row r="260" spans="1:45">
      <c r="A260" s="43" t="s">
        <v>586</v>
      </c>
      <c r="B260" s="43">
        <v>905</v>
      </c>
      <c r="C260" s="196">
        <v>0.10052242903876478</v>
      </c>
      <c r="D260" s="92">
        <v>2.0100850801042031E-2</v>
      </c>
      <c r="E260" s="196">
        <v>0.11587609057730719</v>
      </c>
      <c r="F260" s="92">
        <v>2.1366367294278203E-2</v>
      </c>
      <c r="G260" s="196">
        <v>0.77609503634472543</v>
      </c>
      <c r="H260" s="92">
        <v>2.7705899451861641E-2</v>
      </c>
      <c r="I260" s="196">
        <v>7.5064440392027983E-3</v>
      </c>
      <c r="J260" s="92">
        <v>6.4927998508067051E-3</v>
      </c>
      <c r="K260" s="198">
        <v>905</v>
      </c>
      <c r="L260" s="196">
        <v>0.11819028600862699</v>
      </c>
      <c r="M260" s="92">
        <v>2.1546531625179884E-2</v>
      </c>
      <c r="N260" s="196">
        <v>0.15116380180647634</v>
      </c>
      <c r="O260" s="92">
        <v>2.3860789926695918E-2</v>
      </c>
      <c r="P260" s="196">
        <v>0.63447850762970237</v>
      </c>
      <c r="Q260" s="92">
        <v>3.1956677222666374E-2</v>
      </c>
      <c r="R260" s="196">
        <v>9.6167404555194819E-2</v>
      </c>
      <c r="S260" s="92">
        <v>1.9717625007310471E-2</v>
      </c>
      <c r="W260" s="248"/>
      <c r="X260" s="248"/>
      <c r="Y260" s="248"/>
      <c r="Z260" s="248"/>
      <c r="AA260" s="248"/>
      <c r="AB260" s="248"/>
      <c r="AC260" s="248"/>
      <c r="AD260" s="248"/>
      <c r="AE260" s="248"/>
      <c r="AF260" s="248"/>
      <c r="AG260" s="248"/>
      <c r="AH260" s="248"/>
      <c r="AI260" s="248"/>
      <c r="AJ260" s="248"/>
      <c r="AK260" s="248"/>
      <c r="AL260" s="248"/>
      <c r="AM260" s="248"/>
      <c r="AN260" s="248"/>
      <c r="AO260" s="248"/>
      <c r="AP260" s="248"/>
      <c r="AQ260" s="248"/>
      <c r="AR260" s="248"/>
      <c r="AS260" s="248"/>
    </row>
    <row r="261" spans="1:45">
      <c r="A261" s="47" t="s">
        <v>584</v>
      </c>
      <c r="B261" s="47">
        <v>302</v>
      </c>
      <c r="C261" s="197">
        <v>0.19088763726062183</v>
      </c>
      <c r="D261" s="95">
        <v>4.529226385401499E-2</v>
      </c>
      <c r="E261" s="197">
        <v>0.15479176311358464</v>
      </c>
      <c r="F261" s="95">
        <v>4.1841036329280372E-2</v>
      </c>
      <c r="G261" s="197">
        <v>0.62353867959235521</v>
      </c>
      <c r="H261" s="95">
        <v>5.5440551478359232E-2</v>
      </c>
      <c r="I261" s="197">
        <v>3.0781920033438354E-2</v>
      </c>
      <c r="J261" s="95">
        <v>2.1557867503991985E-2</v>
      </c>
      <c r="K261" s="47">
        <v>302</v>
      </c>
      <c r="L261" s="197">
        <v>0.23263498677378261</v>
      </c>
      <c r="M261" s="95">
        <v>4.8557303788145573E-2</v>
      </c>
      <c r="N261" s="197">
        <v>0.13053741782617098</v>
      </c>
      <c r="O261" s="95">
        <v>3.9114841972176066E-2</v>
      </c>
      <c r="P261" s="197">
        <v>0.54801124887887187</v>
      </c>
      <c r="Q261" s="95">
        <v>5.690891583107336E-2</v>
      </c>
      <c r="R261" s="197">
        <v>8.8816346521174566E-2</v>
      </c>
      <c r="S261" s="95">
        <v>3.3395881698375256E-2</v>
      </c>
      <c r="W261" s="248"/>
      <c r="X261" s="248"/>
      <c r="Y261" s="248"/>
      <c r="Z261" s="248"/>
      <c r="AA261" s="248"/>
      <c r="AB261" s="248"/>
      <c r="AC261" s="248"/>
      <c r="AD261" s="248"/>
      <c r="AE261" s="248"/>
      <c r="AF261" s="248"/>
      <c r="AG261" s="248"/>
      <c r="AH261" s="248"/>
      <c r="AI261" s="248"/>
      <c r="AJ261" s="248"/>
      <c r="AK261" s="248"/>
      <c r="AL261" s="248"/>
      <c r="AM261" s="248"/>
      <c r="AN261" s="248"/>
      <c r="AO261" s="248"/>
      <c r="AP261" s="248"/>
      <c r="AQ261" s="248"/>
      <c r="AR261" s="248"/>
      <c r="AS261" s="248"/>
    </row>
    <row r="262" spans="1:45">
      <c r="A262" s="43" t="s">
        <v>587</v>
      </c>
      <c r="B262" s="43">
        <v>13016</v>
      </c>
      <c r="C262" s="196">
        <v>0.14291409627588644</v>
      </c>
      <c r="D262" s="92">
        <v>6.1363912273452838E-3</v>
      </c>
      <c r="E262" s="196">
        <v>0.12354432303954793</v>
      </c>
      <c r="F262" s="92">
        <v>5.7699946238953604E-3</v>
      </c>
      <c r="G262" s="196">
        <v>0.72095182260030333</v>
      </c>
      <c r="H262" s="92">
        <v>7.8622996333040339E-3</v>
      </c>
      <c r="I262" s="196">
        <v>1.2589758084275987E-2</v>
      </c>
      <c r="J262" s="92">
        <v>1.9656970114541937E-3</v>
      </c>
      <c r="K262" s="198">
        <v>13022</v>
      </c>
      <c r="L262" s="196">
        <v>0.16136165894399351</v>
      </c>
      <c r="M262" s="92">
        <v>6.4479989408467771E-3</v>
      </c>
      <c r="N262" s="196">
        <v>0.14349932979214025</v>
      </c>
      <c r="O262" s="92">
        <v>6.1454131809808906E-3</v>
      </c>
      <c r="P262" s="196">
        <v>0.59924890430890843</v>
      </c>
      <c r="Q262" s="92">
        <v>8.5875822873955256E-3</v>
      </c>
      <c r="R262" s="196">
        <v>9.5890106954976184E-2</v>
      </c>
      <c r="S262" s="92">
        <v>5.1626537350574391E-3</v>
      </c>
      <c r="W262" s="248"/>
      <c r="X262" s="248"/>
      <c r="Y262" s="248"/>
      <c r="Z262" s="248"/>
      <c r="AA262" s="248"/>
      <c r="AB262" s="248"/>
      <c r="AC262" s="248"/>
      <c r="AD262" s="248"/>
      <c r="AE262" s="248"/>
      <c r="AF262" s="248"/>
      <c r="AG262" s="248"/>
      <c r="AH262" s="248"/>
      <c r="AI262" s="248"/>
      <c r="AJ262" s="248"/>
      <c r="AK262" s="248"/>
      <c r="AL262" s="248"/>
      <c r="AM262" s="248"/>
      <c r="AN262" s="248"/>
      <c r="AO262" s="248"/>
      <c r="AP262" s="248"/>
      <c r="AQ262" s="248"/>
      <c r="AR262" s="248"/>
      <c r="AS262" s="248"/>
    </row>
    <row r="263" spans="1:45">
      <c r="P263" s="248"/>
      <c r="Q263" s="248"/>
      <c r="R263" s="248"/>
      <c r="S263" s="248"/>
      <c r="T263" s="248"/>
      <c r="U263" s="248"/>
      <c r="V263" s="248"/>
      <c r="W263" s="248"/>
      <c r="X263" s="248"/>
      <c r="Y263" s="248"/>
      <c r="Z263" s="248"/>
      <c r="AA263" s="248"/>
      <c r="AB263" s="248"/>
      <c r="AC263" s="248"/>
      <c r="AD263" s="248"/>
      <c r="AE263" s="248"/>
      <c r="AF263" s="248"/>
      <c r="AG263" s="248"/>
      <c r="AH263" s="248"/>
      <c r="AI263" s="248"/>
      <c r="AJ263" s="248"/>
      <c r="AK263" s="248"/>
      <c r="AL263" s="248"/>
      <c r="AM263" s="248"/>
      <c r="AN263" s="248"/>
      <c r="AO263" s="248"/>
      <c r="AP263" s="248"/>
      <c r="AQ263" s="248"/>
      <c r="AR263" s="248"/>
      <c r="AS263" s="248"/>
    </row>
    <row r="264" spans="1:45" ht="18.75">
      <c r="A264" s="416" t="s">
        <v>353</v>
      </c>
      <c r="B264" s="416"/>
      <c r="C264" s="416"/>
      <c r="D264" s="416"/>
    </row>
    <row r="265" spans="1:45" ht="61.5" customHeight="1">
      <c r="A265" s="415" t="s">
        <v>604</v>
      </c>
      <c r="B265" s="415"/>
      <c r="C265" s="415"/>
      <c r="D265" s="415"/>
    </row>
    <row r="266" spans="1:45" ht="36" customHeight="1">
      <c r="A266" s="389" t="s">
        <v>240</v>
      </c>
      <c r="B266" s="389"/>
      <c r="C266" s="389"/>
      <c r="D266" s="389"/>
    </row>
    <row r="267" spans="1:45" ht="40.5" customHeight="1">
      <c r="A267" s="35" t="s">
        <v>70</v>
      </c>
      <c r="B267" s="36" t="s">
        <v>71</v>
      </c>
      <c r="C267" s="37" t="s">
        <v>551</v>
      </c>
      <c r="D267" s="38" t="s">
        <v>72</v>
      </c>
    </row>
    <row r="268" spans="1:45" ht="72">
      <c r="A268" s="39"/>
      <c r="B268" s="40" t="s">
        <v>73</v>
      </c>
      <c r="C268" s="126" t="s">
        <v>241</v>
      </c>
      <c r="D268" s="42" t="s">
        <v>75</v>
      </c>
    </row>
    <row r="269" spans="1:45">
      <c r="A269" s="43" t="s">
        <v>348</v>
      </c>
      <c r="B269" s="204">
        <v>13336</v>
      </c>
      <c r="C269" s="205">
        <v>5.0078707272273473</v>
      </c>
      <c r="D269" s="206">
        <v>3.0424742860847169E-2</v>
      </c>
    </row>
    <row r="270" spans="1:45">
      <c r="A270" s="47" t="s">
        <v>349</v>
      </c>
      <c r="B270" s="47">
        <v>9776</v>
      </c>
      <c r="C270" s="208">
        <v>4.6624899340711865</v>
      </c>
      <c r="D270" s="209">
        <v>3.6540269743475663E-2</v>
      </c>
    </row>
    <row r="271" spans="1:45">
      <c r="A271" s="43" t="s">
        <v>350</v>
      </c>
      <c r="B271" s="51">
        <v>3560</v>
      </c>
      <c r="C271" s="205">
        <v>5.2895581924058508</v>
      </c>
      <c r="D271" s="206">
        <v>4.7369388098030055E-2</v>
      </c>
    </row>
    <row r="272" spans="1:45">
      <c r="A272" s="47" t="s">
        <v>574</v>
      </c>
      <c r="B272" s="47">
        <v>4799</v>
      </c>
      <c r="C272" s="208">
        <v>5.2322111747101303</v>
      </c>
      <c r="D272" s="209">
        <v>4.2413825159353477E-2</v>
      </c>
    </row>
    <row r="273" spans="1:4">
      <c r="A273" s="43" t="s">
        <v>575</v>
      </c>
      <c r="B273" s="51">
        <v>4919</v>
      </c>
      <c r="C273" s="205">
        <v>4.6233301198098005</v>
      </c>
      <c r="D273" s="206">
        <v>5.0212293658828823E-2</v>
      </c>
    </row>
    <row r="274" spans="1:4">
      <c r="A274" s="47" t="s">
        <v>576</v>
      </c>
      <c r="B274" s="47">
        <v>2993</v>
      </c>
      <c r="C274" s="208">
        <v>4.2938871323978161</v>
      </c>
      <c r="D274" s="209">
        <v>6.7334127860530946E-2</v>
      </c>
    </row>
    <row r="275" spans="1:4">
      <c r="A275" s="43" t="s">
        <v>577</v>
      </c>
      <c r="B275" s="51">
        <v>400</v>
      </c>
      <c r="C275" s="205">
        <v>4.251201637226516</v>
      </c>
      <c r="D275" s="206">
        <v>0.18165757175849567</v>
      </c>
    </row>
    <row r="276" spans="1:4">
      <c r="A276" s="47" t="s">
        <v>578</v>
      </c>
      <c r="B276" s="47">
        <v>141</v>
      </c>
      <c r="C276" s="208">
        <v>4.3826830529734213</v>
      </c>
      <c r="D276" s="209">
        <v>0.29570354664021004</v>
      </c>
    </row>
    <row r="277" spans="1:4">
      <c r="A277" s="43" t="s">
        <v>581</v>
      </c>
      <c r="B277" s="51">
        <v>9464</v>
      </c>
      <c r="C277" s="205">
        <v>5.0553527678062791</v>
      </c>
      <c r="D277" s="206">
        <v>3.5103453216020063E-2</v>
      </c>
    </row>
    <row r="278" spans="1:4">
      <c r="A278" s="47" t="s">
        <v>580</v>
      </c>
      <c r="B278" s="47">
        <v>3830</v>
      </c>
      <c r="C278" s="208">
        <v>4.5480750305499731</v>
      </c>
      <c r="D278" s="209">
        <v>5.8208846712598197E-2</v>
      </c>
    </row>
    <row r="279" spans="1:4">
      <c r="A279" s="43" t="s">
        <v>583</v>
      </c>
      <c r="B279" s="204">
        <v>876</v>
      </c>
      <c r="C279" s="205">
        <v>4.2929484078005657</v>
      </c>
      <c r="D279" s="206">
        <v>0.12303162493581338</v>
      </c>
    </row>
    <row r="280" spans="1:4">
      <c r="A280" s="47" t="s">
        <v>582</v>
      </c>
      <c r="B280" s="207">
        <v>2954</v>
      </c>
      <c r="C280" s="208">
        <v>4.6403324287760235</v>
      </c>
      <c r="D280" s="209">
        <v>6.564414013900402E-2</v>
      </c>
    </row>
    <row r="281" spans="1:4">
      <c r="A281" s="43" t="s">
        <v>568</v>
      </c>
      <c r="B281" s="81">
        <v>7956</v>
      </c>
      <c r="C281" s="205">
        <v>4.9752103792587175</v>
      </c>
      <c r="D281" s="206">
        <v>3.9343507376669501E-2</v>
      </c>
    </row>
    <row r="282" spans="1:4">
      <c r="A282" s="47" t="s">
        <v>569</v>
      </c>
      <c r="B282" s="207">
        <v>5246</v>
      </c>
      <c r="C282" s="208">
        <v>5.0608086274446551</v>
      </c>
      <c r="D282" s="209">
        <v>4.8552251479248784E-2</v>
      </c>
    </row>
    <row r="283" spans="1:4">
      <c r="A283" s="55" t="s">
        <v>570</v>
      </c>
      <c r="B283" s="204">
        <v>1724</v>
      </c>
      <c r="C283" s="205">
        <v>5.0898032427841775</v>
      </c>
      <c r="D283" s="206">
        <v>7.4123320772249049E-2</v>
      </c>
    </row>
    <row r="284" spans="1:4">
      <c r="A284" s="47" t="s">
        <v>571</v>
      </c>
      <c r="B284" s="207">
        <v>3684</v>
      </c>
      <c r="C284" s="208">
        <v>4.9294746154204594</v>
      </c>
      <c r="D284" s="209">
        <v>5.5404856479126567E-2</v>
      </c>
    </row>
    <row r="285" spans="1:4">
      <c r="A285" s="55" t="s">
        <v>572</v>
      </c>
      <c r="B285" s="204">
        <v>4058</v>
      </c>
      <c r="C285" s="205">
        <v>4.8457920395454632</v>
      </c>
      <c r="D285" s="206">
        <v>5.7378377658522176E-2</v>
      </c>
    </row>
    <row r="286" spans="1:4">
      <c r="A286" s="47" t="s">
        <v>573</v>
      </c>
      <c r="B286" s="207">
        <v>3682</v>
      </c>
      <c r="C286" s="208">
        <v>5.3204889757198659</v>
      </c>
      <c r="D286" s="209">
        <v>5.9525127774879436E-2</v>
      </c>
    </row>
    <row r="287" spans="1:4">
      <c r="A287" s="55" t="s">
        <v>579</v>
      </c>
      <c r="B287" s="204">
        <v>9322</v>
      </c>
      <c r="C287" s="205">
        <v>4.9564998019722903</v>
      </c>
      <c r="D287" s="206">
        <v>3.5973054381294847E-2</v>
      </c>
    </row>
    <row r="288" spans="1:4">
      <c r="A288" s="47" t="s">
        <v>585</v>
      </c>
      <c r="B288" s="207">
        <v>1494</v>
      </c>
      <c r="C288" s="208">
        <v>5.1655908261444532</v>
      </c>
      <c r="D288" s="209">
        <v>8.6359674298718783E-2</v>
      </c>
    </row>
    <row r="289" spans="1:49">
      <c r="A289" s="55" t="s">
        <v>586</v>
      </c>
      <c r="B289" s="204">
        <v>870</v>
      </c>
      <c r="C289" s="205">
        <v>5.3124453430877034</v>
      </c>
      <c r="D289" s="206">
        <v>0.10498000282708551</v>
      </c>
    </row>
    <row r="290" spans="1:49">
      <c r="A290" s="47" t="s">
        <v>584</v>
      </c>
      <c r="B290" s="207">
        <v>299</v>
      </c>
      <c r="C290" s="208">
        <v>4.8421065882364767</v>
      </c>
      <c r="D290" s="209">
        <v>0.2152044938491032</v>
      </c>
    </row>
    <row r="291" spans="1:49">
      <c r="A291" s="55" t="s">
        <v>587</v>
      </c>
      <c r="B291" s="204">
        <v>12548</v>
      </c>
      <c r="C291" s="205">
        <v>5.0225964334395199</v>
      </c>
      <c r="D291" s="206">
        <v>3.135103187866365E-2</v>
      </c>
    </row>
    <row r="292" spans="1:49" s="244" customFormat="1">
      <c r="A292" s="237"/>
      <c r="B292" s="251"/>
      <c r="C292" s="252"/>
      <c r="D292" s="253"/>
    </row>
    <row r="293" spans="1:49" ht="18.75">
      <c r="A293" s="338" t="s">
        <v>67</v>
      </c>
      <c r="B293" s="338"/>
      <c r="C293" s="338"/>
      <c r="D293" s="338"/>
      <c r="E293" s="338"/>
      <c r="F293" s="338"/>
      <c r="G293" s="338"/>
      <c r="H293" s="338"/>
      <c r="I293" s="338"/>
      <c r="J293" s="338"/>
      <c r="K293" s="338"/>
      <c r="L293" s="338"/>
      <c r="M293" s="338"/>
      <c r="N293" s="338"/>
      <c r="O293" s="338"/>
      <c r="P293" s="338"/>
      <c r="Q293" s="338"/>
      <c r="R293" s="338"/>
      <c r="S293" s="338"/>
      <c r="T293" s="230"/>
      <c r="U293" s="230"/>
      <c r="V293" s="230"/>
      <c r="W293" s="230"/>
      <c r="X293" s="230"/>
      <c r="Y293" s="230"/>
      <c r="Z293" s="230"/>
      <c r="AA293" s="230"/>
      <c r="AB293" s="230"/>
      <c r="AC293" s="230"/>
      <c r="AD293" s="230"/>
      <c r="AE293" s="230"/>
      <c r="AF293" s="230"/>
      <c r="AG293" s="230"/>
      <c r="AH293" s="230"/>
      <c r="AI293" s="230"/>
      <c r="AJ293" s="230"/>
      <c r="AK293" s="248"/>
      <c r="AL293" s="248"/>
      <c r="AM293" s="248"/>
      <c r="AN293" s="248"/>
      <c r="AO293" s="248"/>
      <c r="AP293" s="248"/>
      <c r="AQ293" s="248"/>
      <c r="AR293" s="248"/>
      <c r="AS293" s="248"/>
    </row>
    <row r="294" spans="1:49" ht="67.5" customHeight="1">
      <c r="A294" s="417" t="s">
        <v>420</v>
      </c>
      <c r="B294" s="417"/>
      <c r="C294" s="417"/>
      <c r="D294" s="417"/>
      <c r="E294" s="417"/>
      <c r="F294" s="417"/>
      <c r="G294" s="417"/>
      <c r="H294" s="417"/>
      <c r="I294" s="417"/>
      <c r="J294" s="417"/>
      <c r="K294" s="417"/>
      <c r="L294" s="417"/>
      <c r="M294" s="417"/>
      <c r="N294" s="417"/>
      <c r="O294" s="417"/>
      <c r="P294" s="417"/>
      <c r="Q294" s="417"/>
      <c r="R294" s="417"/>
      <c r="S294" s="417"/>
      <c r="T294" s="249"/>
      <c r="U294" s="249"/>
      <c r="V294" s="249"/>
      <c r="W294" s="249"/>
      <c r="X294" s="249"/>
      <c r="Y294" s="249"/>
      <c r="Z294" s="249"/>
      <c r="AA294" s="249"/>
      <c r="AB294" s="249"/>
      <c r="AC294" s="249"/>
      <c r="AD294" s="249"/>
      <c r="AE294" s="249"/>
      <c r="AF294" s="249"/>
      <c r="AG294" s="249"/>
      <c r="AH294" s="249"/>
      <c r="AI294" s="249"/>
      <c r="AJ294" s="249"/>
      <c r="AK294" s="248"/>
      <c r="AL294" s="248"/>
      <c r="AM294" s="248"/>
      <c r="AN294" s="248"/>
      <c r="AO294" s="248"/>
      <c r="AP294" s="248"/>
      <c r="AQ294" s="248"/>
      <c r="AR294" s="248"/>
      <c r="AS294" s="248"/>
    </row>
    <row r="295" spans="1:49" ht="33" customHeight="1">
      <c r="A295" s="62"/>
      <c r="B295" s="383" t="s">
        <v>239</v>
      </c>
      <c r="C295" s="384"/>
      <c r="D295" s="384"/>
      <c r="E295" s="384"/>
      <c r="F295" s="384"/>
      <c r="G295" s="384"/>
      <c r="H295" s="384"/>
      <c r="I295" s="384"/>
      <c r="J295" s="385"/>
      <c r="K295" s="383" t="s">
        <v>421</v>
      </c>
      <c r="L295" s="384"/>
      <c r="M295" s="384"/>
      <c r="N295" s="384"/>
      <c r="O295" s="384"/>
      <c r="P295" s="384"/>
      <c r="Q295" s="384"/>
      <c r="R295" s="384"/>
      <c r="S295" s="385"/>
      <c r="T295" s="248"/>
      <c r="U295" s="248"/>
      <c r="V295" s="248"/>
      <c r="W295" s="248"/>
      <c r="X295" s="248"/>
      <c r="Y295" s="248"/>
      <c r="Z295" s="248"/>
      <c r="AA295" s="248"/>
      <c r="AB295" s="248"/>
      <c r="AC295" s="248"/>
      <c r="AD295" s="248"/>
      <c r="AE295" s="248"/>
      <c r="AF295" s="248"/>
      <c r="AG295" s="248"/>
      <c r="AH295" s="248"/>
      <c r="AI295" s="248"/>
      <c r="AJ295" s="248"/>
      <c r="AK295" s="248"/>
      <c r="AL295" s="248"/>
      <c r="AM295" s="248"/>
      <c r="AN295" s="248"/>
      <c r="AO295" s="248"/>
      <c r="AP295" s="248"/>
      <c r="AQ295" s="248"/>
      <c r="AR295" s="248"/>
      <c r="AS295" s="248"/>
      <c r="AT295" s="248"/>
      <c r="AU295" s="248"/>
      <c r="AV295" s="248"/>
      <c r="AW295" s="248"/>
    </row>
    <row r="296" spans="1:49" ht="41.25" customHeight="1">
      <c r="A296" s="35" t="s">
        <v>70</v>
      </c>
      <c r="B296" s="36" t="s">
        <v>71</v>
      </c>
      <c r="C296" s="36" t="s">
        <v>311</v>
      </c>
      <c r="D296" s="87" t="s">
        <v>142</v>
      </c>
      <c r="E296" s="36" t="s">
        <v>312</v>
      </c>
      <c r="F296" s="87" t="s">
        <v>143</v>
      </c>
      <c r="G296" s="36" t="s">
        <v>313</v>
      </c>
      <c r="H296" s="87" t="s">
        <v>116</v>
      </c>
      <c r="I296" s="36" t="s">
        <v>300</v>
      </c>
      <c r="J296" s="87" t="s">
        <v>314</v>
      </c>
      <c r="K296" s="63" t="s">
        <v>71</v>
      </c>
      <c r="L296" s="63" t="s">
        <v>311</v>
      </c>
      <c r="M296" s="86" t="s">
        <v>142</v>
      </c>
      <c r="N296" s="63" t="s">
        <v>312</v>
      </c>
      <c r="O296" s="86" t="s">
        <v>143</v>
      </c>
      <c r="P296" s="63" t="s">
        <v>313</v>
      </c>
      <c r="Q296" s="250" t="s">
        <v>116</v>
      </c>
      <c r="R296" s="264" t="s">
        <v>300</v>
      </c>
      <c r="S296" s="86" t="s">
        <v>314</v>
      </c>
      <c r="T296" s="248"/>
      <c r="U296" s="248"/>
      <c r="V296" s="248"/>
      <c r="W296" s="248"/>
      <c r="X296" s="248"/>
      <c r="Y296" s="248"/>
      <c r="Z296" s="248"/>
      <c r="AA296" s="248"/>
      <c r="AB296" s="248"/>
      <c r="AC296" s="248"/>
      <c r="AD296" s="248"/>
      <c r="AE296" s="248"/>
      <c r="AF296" s="248"/>
      <c r="AG296" s="248"/>
      <c r="AH296" s="248"/>
      <c r="AI296" s="248"/>
      <c r="AJ296" s="248"/>
      <c r="AK296" s="248"/>
      <c r="AL296" s="248"/>
      <c r="AM296" s="248"/>
      <c r="AN296" s="248"/>
      <c r="AO296" s="248"/>
      <c r="AP296" s="248"/>
      <c r="AQ296" s="248"/>
      <c r="AR296" s="248"/>
      <c r="AS296" s="248"/>
      <c r="AT296" s="248"/>
      <c r="AU296" s="248"/>
      <c r="AV296" s="248"/>
      <c r="AW296" s="248"/>
    </row>
    <row r="297" spans="1:49" ht="72">
      <c r="A297" s="39"/>
      <c r="B297" s="40" t="s">
        <v>73</v>
      </c>
      <c r="C297" s="40" t="s">
        <v>158</v>
      </c>
      <c r="D297" s="89" t="s">
        <v>87</v>
      </c>
      <c r="E297" s="40" t="s">
        <v>159</v>
      </c>
      <c r="F297" s="89" t="s">
        <v>87</v>
      </c>
      <c r="G297" s="40" t="s">
        <v>160</v>
      </c>
      <c r="H297" s="89" t="s">
        <v>87</v>
      </c>
      <c r="I297" s="40" t="s">
        <v>300</v>
      </c>
      <c r="J297" s="89" t="s">
        <v>87</v>
      </c>
      <c r="K297" s="66" t="s">
        <v>73</v>
      </c>
      <c r="L297" s="66" t="s">
        <v>158</v>
      </c>
      <c r="M297" s="88" t="s">
        <v>87</v>
      </c>
      <c r="N297" s="66" t="s">
        <v>159</v>
      </c>
      <c r="O297" s="88" t="s">
        <v>87</v>
      </c>
      <c r="P297" s="66" t="s">
        <v>160</v>
      </c>
      <c r="Q297" s="261" t="s">
        <v>87</v>
      </c>
      <c r="R297" s="265" t="s">
        <v>300</v>
      </c>
      <c r="S297" s="88" t="s">
        <v>87</v>
      </c>
    </row>
    <row r="298" spans="1:49">
      <c r="A298" s="43" t="s">
        <v>348</v>
      </c>
      <c r="B298" s="200">
        <v>13878</v>
      </c>
      <c r="C298" s="202">
        <v>0.16339033606008055</v>
      </c>
      <c r="D298" s="92">
        <v>6.2774358812823922E-3</v>
      </c>
      <c r="E298" s="202">
        <v>0.11431845030675639</v>
      </c>
      <c r="F298" s="92">
        <v>5.4036185174879065E-3</v>
      </c>
      <c r="G298" s="202">
        <v>0.70621469489153232</v>
      </c>
      <c r="H298" s="92">
        <v>7.7323771471404035E-3</v>
      </c>
      <c r="I298" s="202">
        <v>1.6076518741640532E-2</v>
      </c>
      <c r="J298" s="92">
        <v>2.1440019009182566E-3</v>
      </c>
      <c r="K298" s="200">
        <v>13866</v>
      </c>
      <c r="L298" s="202">
        <v>0.24246825328875521</v>
      </c>
      <c r="M298" s="92">
        <v>7.2788846876738781E-3</v>
      </c>
      <c r="N298" s="202">
        <v>0.12754606611305092</v>
      </c>
      <c r="O298" s="92">
        <v>5.6669921283084594E-3</v>
      </c>
      <c r="P298" s="202">
        <v>0.60806084817354888</v>
      </c>
      <c r="Q298" s="262">
        <v>8.2905004196120579E-3</v>
      </c>
      <c r="R298" s="202">
        <v>2.1924832424661145E-2</v>
      </c>
      <c r="S298" s="92">
        <v>2.4944606318117587E-3</v>
      </c>
    </row>
    <row r="299" spans="1:49">
      <c r="A299" s="47" t="s">
        <v>349</v>
      </c>
      <c r="B299" s="201">
        <v>10196</v>
      </c>
      <c r="C299" s="203">
        <v>0.23298116959314863</v>
      </c>
      <c r="D299" s="95">
        <v>8.3726176962051844E-3</v>
      </c>
      <c r="E299" s="203">
        <v>0.1241100937099985</v>
      </c>
      <c r="F299" s="95">
        <v>6.5325001919750202E-3</v>
      </c>
      <c r="G299" s="203">
        <v>0.63229273388527618</v>
      </c>
      <c r="H299" s="95">
        <v>9.548890838625694E-3</v>
      </c>
      <c r="I299" s="203">
        <v>1.0616002811573835E-2</v>
      </c>
      <c r="J299" s="95">
        <v>2.0475817406493324E-3</v>
      </c>
      <c r="K299" s="201">
        <v>10178</v>
      </c>
      <c r="L299" s="203">
        <v>0.3143579821918957</v>
      </c>
      <c r="M299" s="95">
        <v>9.2024121563617778E-3</v>
      </c>
      <c r="N299" s="203">
        <v>0.13257185010653613</v>
      </c>
      <c r="O299" s="95">
        <v>6.7244385260997967E-3</v>
      </c>
      <c r="P299" s="203">
        <v>0.52882796947341926</v>
      </c>
      <c r="Q299" s="263">
        <v>9.8937510362868426E-3</v>
      </c>
      <c r="R299" s="203">
        <v>2.4242198228148513E-2</v>
      </c>
      <c r="S299" s="95">
        <v>3.0598250757300693E-3</v>
      </c>
    </row>
    <row r="300" spans="1:49">
      <c r="A300" s="43" t="s">
        <v>350</v>
      </c>
      <c r="B300" s="200">
        <v>3682</v>
      </c>
      <c r="C300" s="202">
        <v>0.10648612487476335</v>
      </c>
      <c r="D300" s="92">
        <v>1.0179226080639958E-2</v>
      </c>
      <c r="E300" s="202">
        <v>0.10631185352120638</v>
      </c>
      <c r="F300" s="92">
        <v>1.0171926721082273E-2</v>
      </c>
      <c r="G300" s="202">
        <v>0.76666045573060715</v>
      </c>
      <c r="H300" s="92">
        <v>1.3939114491659028E-2</v>
      </c>
      <c r="I300" s="202">
        <v>2.0541565873423859E-2</v>
      </c>
      <c r="J300" s="92">
        <v>4.730187941488751E-3</v>
      </c>
      <c r="K300" s="200">
        <v>3688</v>
      </c>
      <c r="L300" s="202">
        <v>0.18394347093250465</v>
      </c>
      <c r="M300" s="92">
        <v>1.2761866073402827E-2</v>
      </c>
      <c r="N300" s="202">
        <v>0.12345462052163975</v>
      </c>
      <c r="O300" s="92">
        <v>1.0843146443311287E-2</v>
      </c>
      <c r="P300" s="202">
        <v>0.67256362279981263</v>
      </c>
      <c r="Q300" s="262">
        <v>1.5448733445202551E-2</v>
      </c>
      <c r="R300" s="202">
        <v>2.0038285746043338E-2</v>
      </c>
      <c r="S300" s="92">
        <v>4.6706993838929569E-3</v>
      </c>
    </row>
    <row r="301" spans="1:49">
      <c r="A301" s="47" t="s">
        <v>574</v>
      </c>
      <c r="B301" s="201">
        <v>4963</v>
      </c>
      <c r="C301" s="203">
        <v>0.11755159566473916</v>
      </c>
      <c r="D301" s="95">
        <v>9.1502768164019744E-3</v>
      </c>
      <c r="E301" s="203">
        <v>0.10627541810034667</v>
      </c>
      <c r="F301" s="95">
        <v>8.7573159693624617E-3</v>
      </c>
      <c r="G301" s="203">
        <v>0.75721797855948547</v>
      </c>
      <c r="H301" s="95">
        <v>1.2171032343269191E-2</v>
      </c>
      <c r="I301" s="203">
        <v>1.8955007675428633E-2</v>
      </c>
      <c r="J301" s="95">
        <v>3.9083801605022447E-3</v>
      </c>
      <c r="K301" s="201">
        <v>4964</v>
      </c>
      <c r="L301" s="203">
        <v>0.19934983250831104</v>
      </c>
      <c r="M301" s="95">
        <v>1.1341392935169937E-2</v>
      </c>
      <c r="N301" s="203">
        <v>0.12339563671061753</v>
      </c>
      <c r="O301" s="95">
        <v>9.342190960116117E-3</v>
      </c>
      <c r="P301" s="203">
        <v>0.65694371796409035</v>
      </c>
      <c r="Q301" s="263">
        <v>1.3471754832340433E-2</v>
      </c>
      <c r="R301" s="203">
        <v>2.0310812816982091E-2</v>
      </c>
      <c r="S301" s="95">
        <v>4.0397251122269162E-3</v>
      </c>
    </row>
    <row r="302" spans="1:49">
      <c r="A302" s="43" t="s">
        <v>575</v>
      </c>
      <c r="B302" s="200">
        <v>5138</v>
      </c>
      <c r="C302" s="202">
        <v>0.24398149284901446</v>
      </c>
      <c r="D302" s="92">
        <v>1.1981979888636179E-2</v>
      </c>
      <c r="E302" s="202">
        <v>0.12948465087270075</v>
      </c>
      <c r="F302" s="92">
        <v>9.3728622466802847E-3</v>
      </c>
      <c r="G302" s="202">
        <v>0.61802003373852643</v>
      </c>
      <c r="H302" s="92">
        <v>1.3552064310900756E-2</v>
      </c>
      <c r="I302" s="202">
        <v>8.5138225397581573E-3</v>
      </c>
      <c r="J302" s="92">
        <v>2.6189346953023659E-3</v>
      </c>
      <c r="K302" s="200">
        <v>5139</v>
      </c>
      <c r="L302" s="202">
        <v>0.31764877346512316</v>
      </c>
      <c r="M302" s="92">
        <v>1.2985273637997671E-2</v>
      </c>
      <c r="N302" s="202">
        <v>0.13567262883342693</v>
      </c>
      <c r="O302" s="92">
        <v>9.5584799669384667E-3</v>
      </c>
      <c r="P302" s="202">
        <v>0.52253454597708437</v>
      </c>
      <c r="Q302" s="262">
        <v>1.3929993122846112E-2</v>
      </c>
      <c r="R302" s="202">
        <v>2.414405172436648E-2</v>
      </c>
      <c r="S302" s="92">
        <v>4.3126146530307963E-3</v>
      </c>
    </row>
    <row r="303" spans="1:49">
      <c r="A303" s="47" t="s">
        <v>576</v>
      </c>
      <c r="B303" s="201">
        <v>3134</v>
      </c>
      <c r="C303" s="203">
        <v>0.30457715939076729</v>
      </c>
      <c r="D303" s="95">
        <v>1.6435253072186202E-2</v>
      </c>
      <c r="E303" s="203">
        <v>0.14073078464844005</v>
      </c>
      <c r="F303" s="95">
        <v>1.2432327084679376E-2</v>
      </c>
      <c r="G303" s="203">
        <v>0.5430264698775652</v>
      </c>
      <c r="H303" s="95">
        <v>1.7785401577246212E-2</v>
      </c>
      <c r="I303" s="203">
        <v>1.1665586083221909E-2</v>
      </c>
      <c r="J303" s="95">
        <v>3.9333303232346288E-3</v>
      </c>
      <c r="K303" s="201">
        <v>3120</v>
      </c>
      <c r="L303" s="203">
        <v>0.38326095372609165</v>
      </c>
      <c r="M303" s="95">
        <v>1.7398208496558855E-2</v>
      </c>
      <c r="N303" s="203">
        <v>0.13069293211407251</v>
      </c>
      <c r="O303" s="95">
        <v>1.207961904623393E-2</v>
      </c>
      <c r="P303" s="203">
        <v>0.45512498801007206</v>
      </c>
      <c r="Q303" s="263">
        <v>1.7819387896527469E-2</v>
      </c>
      <c r="R303" s="203">
        <v>3.0921126149757065E-2</v>
      </c>
      <c r="S303" s="95">
        <v>6.252079731387309E-3</v>
      </c>
    </row>
    <row r="304" spans="1:49">
      <c r="A304" s="43" t="s">
        <v>577</v>
      </c>
      <c r="B304" s="200">
        <v>414</v>
      </c>
      <c r="C304" s="202">
        <v>0.32936214599981739</v>
      </c>
      <c r="D304" s="92">
        <v>4.6032786826963976E-2</v>
      </c>
      <c r="E304" s="202">
        <v>0.11468818535590365</v>
      </c>
      <c r="F304" s="92">
        <v>3.1601987888295366E-2</v>
      </c>
      <c r="G304" s="202">
        <v>0.55135343174926643</v>
      </c>
      <c r="H304" s="92">
        <v>4.865787758145286E-2</v>
      </c>
      <c r="I304" s="202">
        <v>4.5962368950118382E-3</v>
      </c>
      <c r="J304" s="92">
        <v>9.4082139933427955E-3</v>
      </c>
      <c r="K304" s="200">
        <v>414</v>
      </c>
      <c r="L304" s="202">
        <v>0.3659086724200224</v>
      </c>
      <c r="M304" s="92">
        <v>4.7154636525270743E-2</v>
      </c>
      <c r="N304" s="202">
        <v>0.15495102901521549</v>
      </c>
      <c r="O304" s="92">
        <v>3.5703315250461984E-2</v>
      </c>
      <c r="P304" s="202">
        <v>0.45845691310475772</v>
      </c>
      <c r="Q304" s="262">
        <v>4.8745707119953956E-2</v>
      </c>
      <c r="R304" s="202">
        <v>2.0683385460003811E-2</v>
      </c>
      <c r="S304" s="92">
        <v>1.5352809999791571E-2</v>
      </c>
    </row>
    <row r="305" spans="1:19">
      <c r="A305" s="47" t="s">
        <v>578</v>
      </c>
      <c r="B305" s="201">
        <v>143</v>
      </c>
      <c r="C305" s="203">
        <v>0.3017338336801213</v>
      </c>
      <c r="D305" s="95">
        <v>7.6095305856827292E-2</v>
      </c>
      <c r="E305" s="203">
        <v>8.628530863185184E-2</v>
      </c>
      <c r="F305" s="95">
        <v>4.8942071387052012E-2</v>
      </c>
      <c r="G305" s="203">
        <v>0.61198085768802646</v>
      </c>
      <c r="H305" s="95">
        <v>8.0497337774361355E-2</v>
      </c>
      <c r="I305" s="203">
        <v>0</v>
      </c>
      <c r="J305" s="95">
        <v>1.9109661423715743E-2</v>
      </c>
      <c r="K305" s="201">
        <v>143</v>
      </c>
      <c r="L305" s="203">
        <v>0.39546403234350308</v>
      </c>
      <c r="M305" s="95">
        <v>8.0754747327566864E-2</v>
      </c>
      <c r="N305" s="203">
        <v>0.11737043838390056</v>
      </c>
      <c r="O305" s="95">
        <v>5.5070481770657306E-2</v>
      </c>
      <c r="P305" s="203">
        <v>0.47748768626343135</v>
      </c>
      <c r="Q305" s="263">
        <v>8.2399458696584355E-2</v>
      </c>
      <c r="R305" s="203">
        <v>9.6778430091643587E-3</v>
      </c>
      <c r="S305" s="95">
        <v>2.4738097400725252E-2</v>
      </c>
    </row>
    <row r="306" spans="1:19">
      <c r="A306" s="43" t="s">
        <v>581</v>
      </c>
      <c r="B306" s="200">
        <v>9823</v>
      </c>
      <c r="C306" s="202">
        <v>0.15450432854596208</v>
      </c>
      <c r="D306" s="92">
        <v>7.2946922708446282E-3</v>
      </c>
      <c r="E306" s="202">
        <v>0.11197891452009152</v>
      </c>
      <c r="F306" s="92">
        <v>6.366001234166912E-3</v>
      </c>
      <c r="G306" s="202">
        <v>0.7162330562460304</v>
      </c>
      <c r="H306" s="92">
        <v>9.0963728930715543E-3</v>
      </c>
      <c r="I306" s="202">
        <v>1.7283700687937581E-2</v>
      </c>
      <c r="J306" s="92">
        <v>2.6440106860358518E-3</v>
      </c>
      <c r="K306" s="200">
        <v>9810</v>
      </c>
      <c r="L306" s="202">
        <v>0.232603457458982</v>
      </c>
      <c r="M306" s="92">
        <v>8.5309196078928989E-3</v>
      </c>
      <c r="N306" s="202">
        <v>0.12709951614022713</v>
      </c>
      <c r="O306" s="92">
        <v>6.7279535490550714E-3</v>
      </c>
      <c r="P306" s="202">
        <v>0.61956162862442765</v>
      </c>
      <c r="Q306" s="262">
        <v>9.8017160010562491E-3</v>
      </c>
      <c r="R306" s="202">
        <v>2.0735397776384244E-2</v>
      </c>
      <c r="S306" s="92">
        <v>2.8900538613425134E-3</v>
      </c>
    </row>
    <row r="307" spans="1:19">
      <c r="A307" s="47" t="s">
        <v>580</v>
      </c>
      <c r="B307" s="201">
        <v>4013</v>
      </c>
      <c r="C307" s="203">
        <v>0.24637672288825624</v>
      </c>
      <c r="D307" s="95">
        <v>1.3602093683106199E-2</v>
      </c>
      <c r="E307" s="203">
        <v>0.13503791622427708</v>
      </c>
      <c r="F307" s="95">
        <v>1.0796868989581576E-2</v>
      </c>
      <c r="G307" s="203">
        <v>0.61190751412362754</v>
      </c>
      <c r="H307" s="95">
        <v>1.5378443556312309E-2</v>
      </c>
      <c r="I307" s="203">
        <v>6.6778467638396923E-3</v>
      </c>
      <c r="J307" s="95">
        <v>2.662247791243048E-3</v>
      </c>
      <c r="K307" s="201">
        <v>4014</v>
      </c>
      <c r="L307" s="203">
        <v>0.33214834334320537</v>
      </c>
      <c r="M307" s="95">
        <v>1.4862297730788565E-2</v>
      </c>
      <c r="N307" s="203">
        <v>0.13223406585166528</v>
      </c>
      <c r="O307" s="95">
        <v>1.0700566147063037E-2</v>
      </c>
      <c r="P307" s="203">
        <v>0.50145759781752863</v>
      </c>
      <c r="Q307" s="263">
        <v>1.5775865394847294E-2</v>
      </c>
      <c r="R307" s="203">
        <v>3.4159992987599398E-2</v>
      </c>
      <c r="S307" s="95">
        <v>5.7684663380898407E-3</v>
      </c>
    </row>
    <row r="308" spans="1:19">
      <c r="A308" s="43" t="s">
        <v>583</v>
      </c>
      <c r="B308" s="200">
        <v>917</v>
      </c>
      <c r="C308" s="202">
        <v>0.29102414695037115</v>
      </c>
      <c r="D308" s="92">
        <v>2.9962524823366619E-2</v>
      </c>
      <c r="E308" s="202">
        <v>0.13644722080668159</v>
      </c>
      <c r="F308" s="92">
        <v>2.2731491788915242E-2</v>
      </c>
      <c r="G308" s="202">
        <v>0.56604196503980642</v>
      </c>
      <c r="H308" s="92">
        <v>3.2664933490037386E-2</v>
      </c>
      <c r="I308" s="202">
        <v>6.4866672031386298E-3</v>
      </c>
      <c r="J308" s="92">
        <v>6.0957149696188291E-3</v>
      </c>
      <c r="K308" s="200">
        <v>924</v>
      </c>
      <c r="L308" s="202">
        <v>0.38344648139030618</v>
      </c>
      <c r="M308" s="92">
        <v>3.193015914262385E-2</v>
      </c>
      <c r="N308" s="202">
        <v>0.13844027756733293</v>
      </c>
      <c r="O308" s="92">
        <v>2.2780727803159172E-2</v>
      </c>
      <c r="P308" s="202">
        <v>0.44749556684653397</v>
      </c>
      <c r="Q308" s="262">
        <v>3.2646684765337337E-2</v>
      </c>
      <c r="R308" s="202">
        <v>3.0617674195825936E-2</v>
      </c>
      <c r="S308" s="92">
        <v>1.1666236138559462E-2</v>
      </c>
    </row>
    <row r="309" spans="1:19">
      <c r="A309" s="47" t="s">
        <v>582</v>
      </c>
      <c r="B309" s="201">
        <v>3096</v>
      </c>
      <c r="C309" s="203">
        <v>0.23032677863793072</v>
      </c>
      <c r="D309" s="95">
        <v>1.5132272989881857E-2</v>
      </c>
      <c r="E309" s="203">
        <v>0.13453129662741378</v>
      </c>
      <c r="F309" s="95">
        <v>1.2275183171603881E-2</v>
      </c>
      <c r="G309" s="203">
        <v>0.62839535236445709</v>
      </c>
      <c r="H309" s="95">
        <v>1.735984052719601E-2</v>
      </c>
      <c r="I309" s="203">
        <v>6.7465723701990747E-3</v>
      </c>
      <c r="J309" s="95">
        <v>3.0750860040233727E-3</v>
      </c>
      <c r="K309" s="201">
        <v>3090</v>
      </c>
      <c r="L309" s="203">
        <v>0.3135936136049261</v>
      </c>
      <c r="M309" s="95">
        <v>1.6685324653811066E-2</v>
      </c>
      <c r="N309" s="203">
        <v>0.12998925569935474</v>
      </c>
      <c r="O309" s="95">
        <v>1.2110556025706187E-2</v>
      </c>
      <c r="P309" s="203">
        <v>0.52097586765952941</v>
      </c>
      <c r="Q309" s="263">
        <v>1.7962150462774655E-2</v>
      </c>
      <c r="R309" s="203">
        <v>3.5441263036189365E-2</v>
      </c>
      <c r="S309" s="95">
        <v>6.7019703719653646E-3</v>
      </c>
    </row>
    <row r="310" spans="1:19">
      <c r="A310" s="43" t="s">
        <v>568</v>
      </c>
      <c r="B310" s="200">
        <v>8245</v>
      </c>
      <c r="C310" s="202">
        <v>0.1800209788885607</v>
      </c>
      <c r="D310" s="92">
        <v>8.4632712265800547E-3</v>
      </c>
      <c r="E310" s="202">
        <v>0.10827101100966376</v>
      </c>
      <c r="F310" s="92">
        <v>6.8475664329370849E-3</v>
      </c>
      <c r="G310" s="202">
        <v>0.69616706780521587</v>
      </c>
      <c r="H310" s="92">
        <v>1.0128422381704997E-2</v>
      </c>
      <c r="I310" s="202">
        <v>1.5540942296548996E-2</v>
      </c>
      <c r="J310" s="92">
        <v>2.7439290156937328E-3</v>
      </c>
      <c r="K310" s="200">
        <v>8228</v>
      </c>
      <c r="L310" s="202">
        <v>0.25127839337249513</v>
      </c>
      <c r="M310" s="92">
        <v>9.5627858933220317E-3</v>
      </c>
      <c r="N310" s="202">
        <v>0.12881210194690706</v>
      </c>
      <c r="O310" s="92">
        <v>7.388740982941502E-3</v>
      </c>
      <c r="P310" s="202">
        <v>0.59820713010722104</v>
      </c>
      <c r="Q310" s="262">
        <v>1.0807187484953898E-2</v>
      </c>
      <c r="R310" s="202">
        <v>2.1702374573365376E-2</v>
      </c>
      <c r="S310" s="92">
        <v>3.2287015203222615E-3</v>
      </c>
    </row>
    <row r="311" spans="1:19">
      <c r="A311" s="47" t="s">
        <v>569</v>
      </c>
      <c r="B311" s="201">
        <v>5495</v>
      </c>
      <c r="C311" s="203">
        <v>0.14037416112612286</v>
      </c>
      <c r="D311" s="95">
        <v>9.3761522364275117E-3</v>
      </c>
      <c r="E311" s="203">
        <v>0.12139860886698239</v>
      </c>
      <c r="F311" s="95">
        <v>8.8168795203536991E-3</v>
      </c>
      <c r="G311" s="203">
        <v>0.72122832557826766</v>
      </c>
      <c r="H311" s="95">
        <v>1.2095552268366365E-2</v>
      </c>
      <c r="I311" s="203">
        <v>1.6998904428640695E-2</v>
      </c>
      <c r="J311" s="95">
        <v>3.5216020487408239E-3</v>
      </c>
      <c r="K311" s="201">
        <v>5501</v>
      </c>
      <c r="L311" s="203">
        <v>0.22913672098361385</v>
      </c>
      <c r="M311" s="95">
        <v>1.1332307393860468E-2</v>
      </c>
      <c r="N311" s="203">
        <v>0.1264637289153093</v>
      </c>
      <c r="O311" s="95">
        <v>8.9675304072652402E-3</v>
      </c>
      <c r="P311" s="203">
        <v>0.62200014037794193</v>
      </c>
      <c r="Q311" s="263">
        <v>1.3071106802662167E-2</v>
      </c>
      <c r="R311" s="203">
        <v>2.2399409723155461E-2</v>
      </c>
      <c r="S311" s="95">
        <v>4.0189414909513107E-3</v>
      </c>
    </row>
    <row r="312" spans="1:19">
      <c r="A312" s="55" t="s">
        <v>570</v>
      </c>
      <c r="B312" s="200">
        <v>1772</v>
      </c>
      <c r="C312" s="202">
        <v>0.13250199180793162</v>
      </c>
      <c r="D312" s="92">
        <v>1.6132397303359639E-2</v>
      </c>
      <c r="E312" s="202">
        <v>0.14378706365316837</v>
      </c>
      <c r="F312" s="92">
        <v>1.6690294041279086E-2</v>
      </c>
      <c r="G312" s="202">
        <v>0.7017277614895151</v>
      </c>
      <c r="H312" s="92">
        <v>2.1721466243903847E-2</v>
      </c>
      <c r="I312" s="202">
        <v>2.1983183049383608E-2</v>
      </c>
      <c r="J312" s="92">
        <v>7.1231198311344189E-3</v>
      </c>
      <c r="K312" s="200">
        <v>1769</v>
      </c>
      <c r="L312" s="202">
        <v>0.21561011809759631</v>
      </c>
      <c r="M312" s="92">
        <v>1.9554364808350249E-2</v>
      </c>
      <c r="N312" s="202">
        <v>0.14090242807364639</v>
      </c>
      <c r="O312" s="92">
        <v>1.6565181445569503E-2</v>
      </c>
      <c r="P312" s="202">
        <v>0.62349016708613236</v>
      </c>
      <c r="Q312" s="262">
        <v>2.3016652552455427E-2</v>
      </c>
      <c r="R312" s="202">
        <v>1.9997286742623552E-2</v>
      </c>
      <c r="S312" s="92">
        <v>6.8231760949491157E-3</v>
      </c>
    </row>
    <row r="313" spans="1:19">
      <c r="A313" s="47" t="s">
        <v>571</v>
      </c>
      <c r="B313" s="201">
        <v>3759</v>
      </c>
      <c r="C313" s="203">
        <v>0.17411375260046161</v>
      </c>
      <c r="D313" s="95">
        <v>1.2373143272691026E-2</v>
      </c>
      <c r="E313" s="203">
        <v>0.12340664850604083</v>
      </c>
      <c r="F313" s="95">
        <v>1.0738294650323223E-2</v>
      </c>
      <c r="G313" s="203">
        <v>0.69319160741024344</v>
      </c>
      <c r="H313" s="95">
        <v>1.5038485767780795E-2</v>
      </c>
      <c r="I313" s="203">
        <v>9.2879914832561788E-3</v>
      </c>
      <c r="J313" s="95">
        <v>3.2132764903849594E-3</v>
      </c>
      <c r="K313" s="201">
        <v>3754</v>
      </c>
      <c r="L313" s="203">
        <v>0.25001661415081228</v>
      </c>
      <c r="M313" s="95">
        <v>1.4132395639261195E-2</v>
      </c>
      <c r="N313" s="203">
        <v>0.13786531935616395</v>
      </c>
      <c r="O313" s="95">
        <v>1.1260971116458632E-2</v>
      </c>
      <c r="P313" s="203">
        <v>0.60192815712825454</v>
      </c>
      <c r="Q313" s="263">
        <v>1.5970727472623101E-2</v>
      </c>
      <c r="R313" s="203">
        <v>1.0189909364770853E-2</v>
      </c>
      <c r="S313" s="95">
        <v>3.3584079274247211E-3</v>
      </c>
    </row>
    <row r="314" spans="1:19">
      <c r="A314" s="55" t="s">
        <v>572</v>
      </c>
      <c r="B314" s="200">
        <v>4166</v>
      </c>
      <c r="C314" s="202">
        <v>0.18711272990100303</v>
      </c>
      <c r="D314" s="92">
        <v>1.2086390899669378E-2</v>
      </c>
      <c r="E314" s="202">
        <v>0.11168216662786523</v>
      </c>
      <c r="F314" s="92">
        <v>9.7694482086509975E-3</v>
      </c>
      <c r="G314" s="202">
        <v>0.68970705219907469</v>
      </c>
      <c r="H314" s="92">
        <v>1.4330134418355893E-2</v>
      </c>
      <c r="I314" s="202">
        <v>1.1498051272063856E-2</v>
      </c>
      <c r="J314" s="92">
        <v>3.3677035478591262E-3</v>
      </c>
      <c r="K314" s="200">
        <v>4168</v>
      </c>
      <c r="L314" s="202">
        <v>0.28950768669660465</v>
      </c>
      <c r="M314" s="92">
        <v>1.4046147270447708E-2</v>
      </c>
      <c r="N314" s="202">
        <v>0.12553864489069316</v>
      </c>
      <c r="O314" s="92">
        <v>1.0271830125425959E-2</v>
      </c>
      <c r="P314" s="202">
        <v>0.56036418192465132</v>
      </c>
      <c r="Q314" s="262">
        <v>1.5369003851762996E-2</v>
      </c>
      <c r="R314" s="202">
        <v>2.4589486488061842E-2</v>
      </c>
      <c r="S314" s="92">
        <v>4.838526894273644E-3</v>
      </c>
    </row>
    <row r="315" spans="1:19">
      <c r="A315" s="47" t="s">
        <v>573</v>
      </c>
      <c r="B315" s="201">
        <v>3979</v>
      </c>
      <c r="C315" s="203">
        <v>0.13394253979382262</v>
      </c>
      <c r="D315" s="95">
        <v>1.0805887342631618E-2</v>
      </c>
      <c r="E315" s="203">
        <v>7.1504533938652082E-2</v>
      </c>
      <c r="F315" s="95">
        <v>8.1881118975534236E-3</v>
      </c>
      <c r="G315" s="203">
        <v>0.76683312477915944</v>
      </c>
      <c r="H315" s="95">
        <v>1.3405475489987155E-2</v>
      </c>
      <c r="I315" s="203">
        <v>2.7719801488361329E-2</v>
      </c>
      <c r="J315" s="95">
        <v>5.2455823206741733E-3</v>
      </c>
      <c r="K315" s="201">
        <v>3973</v>
      </c>
      <c r="L315" s="203">
        <v>0.19138418567364129</v>
      </c>
      <c r="M315" s="95">
        <v>1.2483744396391301E-2</v>
      </c>
      <c r="N315" s="203">
        <v>9.7006836129608642E-2</v>
      </c>
      <c r="O315" s="95">
        <v>9.4038030712558854E-3</v>
      </c>
      <c r="P315" s="203">
        <v>0.67214154413096194</v>
      </c>
      <c r="Q315" s="263">
        <v>1.4889649138684733E-2</v>
      </c>
      <c r="R315" s="203">
        <v>3.9467434065780557E-2</v>
      </c>
      <c r="S315" s="95">
        <v>6.2094993856660133E-3</v>
      </c>
    </row>
    <row r="316" spans="1:19">
      <c r="A316" s="55" t="s">
        <v>579</v>
      </c>
      <c r="B316" s="200">
        <v>9641</v>
      </c>
      <c r="C316" s="202">
        <v>0.17172692251591951</v>
      </c>
      <c r="D316" s="92">
        <v>7.6828301700580959E-3</v>
      </c>
      <c r="E316" s="202">
        <v>0.11152019445698326</v>
      </c>
      <c r="F316" s="92">
        <v>6.4143628285923734E-3</v>
      </c>
      <c r="G316" s="202">
        <v>0.70341788821773432</v>
      </c>
      <c r="H316" s="92">
        <v>9.3023735298670245E-3</v>
      </c>
      <c r="I316" s="202">
        <v>1.3334994809385443E-2</v>
      </c>
      <c r="J316" s="92">
        <v>2.3533024044824088E-3</v>
      </c>
      <c r="K316" s="200">
        <v>9638</v>
      </c>
      <c r="L316" s="202">
        <v>0.25718619271430737</v>
      </c>
      <c r="M316" s="92">
        <v>8.9036037710279597E-3</v>
      </c>
      <c r="N316" s="202">
        <v>0.13112890396718915</v>
      </c>
      <c r="O316" s="92">
        <v>6.8784144030508924E-3</v>
      </c>
      <c r="P316" s="202">
        <v>0.5886271882420262</v>
      </c>
      <c r="Q316" s="262">
        <v>1.0022826825639253E-2</v>
      </c>
      <c r="R316" s="202">
        <v>2.3057715076501686E-2</v>
      </c>
      <c r="S316" s="92">
        <v>3.0697318990353362E-3</v>
      </c>
    </row>
    <row r="317" spans="1:19">
      <c r="A317" s="47" t="s">
        <v>585</v>
      </c>
      <c r="B317" s="201">
        <v>1556</v>
      </c>
      <c r="C317" s="203">
        <v>0.13291498141794006</v>
      </c>
      <c r="D317" s="95">
        <v>1.7241775153214865E-2</v>
      </c>
      <c r="E317" s="203">
        <v>0.10861122080698848</v>
      </c>
      <c r="F317" s="95">
        <v>1.581944449369594E-2</v>
      </c>
      <c r="G317" s="203">
        <v>0.73838814673698683</v>
      </c>
      <c r="H317" s="95">
        <v>2.2272332391806787E-2</v>
      </c>
      <c r="I317" s="203">
        <v>2.0085651038085694E-2</v>
      </c>
      <c r="J317" s="95">
        <v>7.3138120546557836E-3</v>
      </c>
      <c r="K317" s="201">
        <v>1547</v>
      </c>
      <c r="L317" s="203">
        <v>0.21913443793448434</v>
      </c>
      <c r="M317" s="95">
        <v>2.1032099113979477E-2</v>
      </c>
      <c r="N317" s="203">
        <v>0.1184570831405372</v>
      </c>
      <c r="O317" s="95">
        <v>1.6469490363161043E-2</v>
      </c>
      <c r="P317" s="203">
        <v>0.64182529582231129</v>
      </c>
      <c r="Q317" s="263">
        <v>2.4354421556123954E-2</v>
      </c>
      <c r="R317" s="203">
        <v>2.0583183102668857E-2</v>
      </c>
      <c r="S317" s="95">
        <v>7.4191964573046684E-3</v>
      </c>
    </row>
    <row r="318" spans="1:19">
      <c r="A318" s="55" t="s">
        <v>586</v>
      </c>
      <c r="B318" s="200">
        <v>910</v>
      </c>
      <c r="C318" s="202">
        <v>0.11233719595557914</v>
      </c>
      <c r="D318" s="92">
        <v>2.1027236120703421E-2</v>
      </c>
      <c r="E318" s="202">
        <v>0.12068918079953338</v>
      </c>
      <c r="F318" s="92">
        <v>2.1677955351138974E-2</v>
      </c>
      <c r="G318" s="202">
        <v>0.73877392972516209</v>
      </c>
      <c r="H318" s="92">
        <v>2.9099161796141287E-2</v>
      </c>
      <c r="I318" s="202">
        <v>2.8199693519725975E-2</v>
      </c>
      <c r="J318" s="92">
        <v>1.1333134792190721E-2</v>
      </c>
      <c r="K318" s="200">
        <v>911</v>
      </c>
      <c r="L318" s="202">
        <v>0.15919696660711183</v>
      </c>
      <c r="M318" s="92">
        <v>2.4281280934027216E-2</v>
      </c>
      <c r="N318" s="202">
        <v>9.4490606465874538E-2</v>
      </c>
      <c r="O318" s="92">
        <v>1.9501626370377608E-2</v>
      </c>
      <c r="P318" s="202">
        <v>0.73389952070129272</v>
      </c>
      <c r="Q318" s="262">
        <v>2.9254362048563774E-2</v>
      </c>
      <c r="R318" s="202">
        <v>1.2412906225721857E-2</v>
      </c>
      <c r="S318" s="92">
        <v>7.9156465181891202E-3</v>
      </c>
    </row>
    <row r="319" spans="1:19">
      <c r="A319" s="47" t="s">
        <v>584</v>
      </c>
      <c r="B319" s="201">
        <v>308</v>
      </c>
      <c r="C319" s="203">
        <v>0.22840730440684071</v>
      </c>
      <c r="D319" s="95">
        <v>4.7786468446241757E-2</v>
      </c>
      <c r="E319" s="203">
        <v>0.12529124613368528</v>
      </c>
      <c r="F319" s="95">
        <v>3.809072204793449E-2</v>
      </c>
      <c r="G319" s="203">
        <v>0.63189318321952204</v>
      </c>
      <c r="H319" s="95">
        <v>5.4660651881891557E-2</v>
      </c>
      <c r="I319" s="203">
        <v>1.4408266239952014E-2</v>
      </c>
      <c r="J319" s="95">
        <v>1.6095885575783016E-2</v>
      </c>
      <c r="K319" s="201">
        <v>308</v>
      </c>
      <c r="L319" s="203">
        <v>0.2767366926448725</v>
      </c>
      <c r="M319" s="95">
        <v>5.0816842811357558E-2</v>
      </c>
      <c r="N319" s="203">
        <v>0.11377296156228012</v>
      </c>
      <c r="O319" s="95">
        <v>3.6625103820233935E-2</v>
      </c>
      <c r="P319" s="203">
        <v>0.58871299530293963</v>
      </c>
      <c r="Q319" s="263">
        <v>5.5738688132093338E-2</v>
      </c>
      <c r="R319" s="203">
        <v>2.0777350489908034E-2</v>
      </c>
      <c r="S319" s="95">
        <v>1.832627298344662E-2</v>
      </c>
    </row>
    <row r="320" spans="1:19">
      <c r="A320" s="55" t="s">
        <v>587</v>
      </c>
      <c r="B320" s="200">
        <v>13064</v>
      </c>
      <c r="C320" s="202">
        <v>0.15894004745400231</v>
      </c>
      <c r="D320" s="92">
        <v>6.3983973182920525E-3</v>
      </c>
      <c r="E320" s="202">
        <v>0.11254939902207015</v>
      </c>
      <c r="F320" s="92">
        <v>5.5318295200486494E-3</v>
      </c>
      <c r="G320" s="202">
        <v>0.71225180198525107</v>
      </c>
      <c r="H320" s="92">
        <v>7.9209583873900216E-3</v>
      </c>
      <c r="I320" s="202">
        <v>1.6258751538692471E-2</v>
      </c>
      <c r="J320" s="92">
        <v>2.2225185794237262E-3</v>
      </c>
      <c r="K320" s="200">
        <v>13052</v>
      </c>
      <c r="L320" s="202">
        <v>0.24099609880516557</v>
      </c>
      <c r="M320" s="92">
        <v>7.4868773608783926E-3</v>
      </c>
      <c r="N320" s="202">
        <v>0.12524367117400734</v>
      </c>
      <c r="O320" s="92">
        <v>5.7958460064454964E-3</v>
      </c>
      <c r="P320" s="202">
        <v>0.61138486825691218</v>
      </c>
      <c r="Q320" s="262">
        <v>8.5319650554204728E-3</v>
      </c>
      <c r="R320" s="202">
        <v>2.2375361763934284E-2</v>
      </c>
      <c r="S320" s="92">
        <v>2.5970421873675494E-3</v>
      </c>
    </row>
    <row r="322" spans="1:10" ht="18.75">
      <c r="A322" s="337" t="s">
        <v>354</v>
      </c>
      <c r="B322" s="337"/>
      <c r="C322" s="337"/>
      <c r="D322" s="337"/>
      <c r="E322" s="230"/>
      <c r="F322" s="230"/>
      <c r="G322" s="230"/>
      <c r="H322" s="230"/>
      <c r="I322" s="230"/>
      <c r="J322" s="244"/>
    </row>
    <row r="323" spans="1:10" ht="147" customHeight="1">
      <c r="A323" s="405" t="s">
        <v>535</v>
      </c>
      <c r="B323" s="405"/>
      <c r="C323" s="405"/>
      <c r="D323" s="405"/>
      <c r="E323" s="266"/>
      <c r="F323" s="266"/>
      <c r="G323" s="266"/>
      <c r="H323" s="266"/>
      <c r="I323" s="266"/>
    </row>
    <row r="324" spans="1:10" ht="36" customHeight="1">
      <c r="A324" s="389" t="s">
        <v>144</v>
      </c>
      <c r="B324" s="389"/>
      <c r="C324" s="389"/>
      <c r="D324" s="389"/>
    </row>
    <row r="325" spans="1:10" ht="40.5" customHeight="1">
      <c r="A325" s="35" t="s">
        <v>70</v>
      </c>
      <c r="B325" s="36" t="s">
        <v>71</v>
      </c>
      <c r="C325" s="37" t="s">
        <v>551</v>
      </c>
      <c r="D325" s="38" t="s">
        <v>72</v>
      </c>
    </row>
    <row r="326" spans="1:10" ht="72">
      <c r="A326" s="39"/>
      <c r="B326" s="40" t="s">
        <v>73</v>
      </c>
      <c r="C326" s="126" t="s">
        <v>145</v>
      </c>
      <c r="D326" s="42" t="s">
        <v>75</v>
      </c>
    </row>
    <row r="327" spans="1:10">
      <c r="A327" s="43" t="s">
        <v>348</v>
      </c>
      <c r="B327" s="204">
        <v>11523</v>
      </c>
      <c r="C327" s="82">
        <v>3.9201570078785295</v>
      </c>
      <c r="D327" s="83">
        <v>2.5636434985028492E-2</v>
      </c>
    </row>
    <row r="328" spans="1:10">
      <c r="A328" s="47" t="s">
        <v>349</v>
      </c>
      <c r="B328" s="47">
        <v>8372</v>
      </c>
      <c r="C328" s="208">
        <v>3.6477619545416866</v>
      </c>
      <c r="D328" s="209">
        <v>2.9306209513935266E-2</v>
      </c>
    </row>
    <row r="329" spans="1:10">
      <c r="A329" s="43" t="s">
        <v>350</v>
      </c>
      <c r="B329" s="51">
        <v>3151</v>
      </c>
      <c r="C329" s="82">
        <v>4.1345471164411531</v>
      </c>
      <c r="D329" s="83">
        <v>5.0877959499426736E-2</v>
      </c>
    </row>
    <row r="330" spans="1:10">
      <c r="A330" s="47" t="s">
        <v>574</v>
      </c>
      <c r="B330" s="47">
        <v>4189</v>
      </c>
      <c r="C330" s="208">
        <v>4.0689029280940003</v>
      </c>
      <c r="D330" s="209">
        <v>4.3823628871226074E-2</v>
      </c>
    </row>
    <row r="331" spans="1:10">
      <c r="A331" s="43" t="s">
        <v>575</v>
      </c>
      <c r="B331" s="51">
        <v>4088</v>
      </c>
      <c r="C331" s="82">
        <v>3.6873850591930255</v>
      </c>
      <c r="D331" s="83">
        <v>4.1518523012834423E-2</v>
      </c>
    </row>
    <row r="332" spans="1:10">
      <c r="A332" s="47" t="s">
        <v>576</v>
      </c>
      <c r="B332" s="47">
        <v>2654</v>
      </c>
      <c r="C332" s="208">
        <v>3.4183248723105524</v>
      </c>
      <c r="D332" s="209">
        <v>5.0803927287758593E-2</v>
      </c>
    </row>
    <row r="333" spans="1:10">
      <c r="A333" s="43" t="s">
        <v>577</v>
      </c>
      <c r="B333" s="51">
        <v>375</v>
      </c>
      <c r="C333" s="82">
        <v>3.2000865394790723</v>
      </c>
      <c r="D333" s="83">
        <v>0.1621013055156631</v>
      </c>
    </row>
    <row r="334" spans="1:10">
      <c r="A334" s="47" t="s">
        <v>578</v>
      </c>
      <c r="B334" s="47">
        <v>126</v>
      </c>
      <c r="C334" s="208">
        <v>3.9637671451842906</v>
      </c>
      <c r="D334" s="209">
        <v>0.27552359026065892</v>
      </c>
    </row>
    <row r="335" spans="1:10">
      <c r="A335" s="43" t="s">
        <v>581</v>
      </c>
      <c r="B335" s="51">
        <v>8084</v>
      </c>
      <c r="C335" s="82">
        <v>3.9525231202283679</v>
      </c>
      <c r="D335" s="83">
        <v>3.1318956625159378E-2</v>
      </c>
    </row>
    <row r="336" spans="1:10">
      <c r="A336" s="47" t="s">
        <v>580</v>
      </c>
      <c r="B336" s="47">
        <v>3351</v>
      </c>
      <c r="C336" s="208">
        <v>3.6218154358222154</v>
      </c>
      <c r="D336" s="209">
        <v>4.4147333618293372E-2</v>
      </c>
    </row>
    <row r="337" spans="1:46">
      <c r="A337" s="43" t="s">
        <v>583</v>
      </c>
      <c r="B337" s="204">
        <v>805</v>
      </c>
      <c r="C337" s="82">
        <v>3.3094983251856793</v>
      </c>
      <c r="D337" s="83">
        <v>9.0183171868887968E-2</v>
      </c>
    </row>
    <row r="338" spans="1:46">
      <c r="A338" s="47" t="s">
        <v>582</v>
      </c>
      <c r="B338" s="207">
        <v>2546</v>
      </c>
      <c r="C338" s="208">
        <v>3.7414524598733889</v>
      </c>
      <c r="D338" s="209">
        <v>5.0413688761382261E-2</v>
      </c>
    </row>
    <row r="339" spans="1:46">
      <c r="A339" s="43" t="s">
        <v>568</v>
      </c>
      <c r="B339" s="81">
        <v>6718</v>
      </c>
      <c r="C339" s="82">
        <v>3.7878404090222388</v>
      </c>
      <c r="D339" s="83">
        <v>3.3342433798180096E-2</v>
      </c>
    </row>
    <row r="340" spans="1:46">
      <c r="A340" s="47" t="s">
        <v>569</v>
      </c>
      <c r="B340" s="207">
        <v>4698</v>
      </c>
      <c r="C340" s="208">
        <v>4.0609687930133322</v>
      </c>
      <c r="D340" s="209">
        <v>3.961344191045077E-2</v>
      </c>
    </row>
    <row r="341" spans="1:46">
      <c r="A341" s="55" t="s">
        <v>570</v>
      </c>
      <c r="B341" s="204">
        <v>1636</v>
      </c>
      <c r="C341" s="82">
        <v>4.0182361432879938</v>
      </c>
      <c r="D341" s="83">
        <v>7.2365729568780929E-2</v>
      </c>
    </row>
    <row r="342" spans="1:46">
      <c r="A342" s="47" t="s">
        <v>571</v>
      </c>
      <c r="B342" s="207">
        <v>3294</v>
      </c>
      <c r="C342" s="208">
        <v>3.8762419420405028</v>
      </c>
      <c r="D342" s="209">
        <v>4.6224643434988152E-2</v>
      </c>
    </row>
    <row r="343" spans="1:46">
      <c r="A343" s="55" t="s">
        <v>572</v>
      </c>
      <c r="B343" s="204">
        <v>3393</v>
      </c>
      <c r="C343" s="82">
        <v>3.7482831831771204</v>
      </c>
      <c r="D343" s="83">
        <v>4.603763102707957E-2</v>
      </c>
    </row>
    <row r="344" spans="1:46">
      <c r="A344" s="47" t="s">
        <v>573</v>
      </c>
      <c r="B344" s="207">
        <v>3039</v>
      </c>
      <c r="C344" s="208">
        <v>4.1293520158783359</v>
      </c>
      <c r="D344" s="209">
        <v>4.9841545701297042E-2</v>
      </c>
    </row>
    <row r="345" spans="1:46">
      <c r="A345" s="55" t="s">
        <v>579</v>
      </c>
      <c r="B345" s="204">
        <v>8049</v>
      </c>
      <c r="C345" s="82">
        <v>3.8272325660772339</v>
      </c>
      <c r="D345" s="83">
        <v>3.0104044079425712E-2</v>
      </c>
    </row>
    <row r="346" spans="1:46">
      <c r="A346" s="47" t="s">
        <v>585</v>
      </c>
      <c r="B346" s="207">
        <v>1191</v>
      </c>
      <c r="C346" s="208">
        <v>4.1062331819639244</v>
      </c>
      <c r="D346" s="209">
        <v>8.2515170965340612E-2</v>
      </c>
    </row>
    <row r="347" spans="1:46">
      <c r="A347" s="55" t="s">
        <v>586</v>
      </c>
      <c r="B347" s="204">
        <v>758</v>
      </c>
      <c r="C347" s="82">
        <v>4.1977539684164782</v>
      </c>
      <c r="D347" s="83">
        <v>0.10320681804576948</v>
      </c>
    </row>
    <row r="348" spans="1:46">
      <c r="A348" s="47" t="s">
        <v>584</v>
      </c>
      <c r="B348" s="207">
        <v>278</v>
      </c>
      <c r="C348" s="208">
        <v>3.5544046955029596</v>
      </c>
      <c r="D348" s="209">
        <v>0.17224278440528279</v>
      </c>
    </row>
    <row r="349" spans="1:46">
      <c r="A349" s="55" t="s">
        <v>587</v>
      </c>
      <c r="B349" s="204">
        <v>10737</v>
      </c>
      <c r="C349" s="82">
        <v>3.923161573668807</v>
      </c>
      <c r="D349" s="83">
        <v>2.6454333968632966E-2</v>
      </c>
    </row>
    <row r="351" spans="1:46" ht="18.75">
      <c r="A351" s="337" t="s">
        <v>355</v>
      </c>
      <c r="B351" s="337"/>
      <c r="C351" s="337"/>
      <c r="D351" s="337"/>
      <c r="E351" s="337"/>
      <c r="F351" s="337"/>
      <c r="G351" s="337"/>
      <c r="H351" s="337"/>
      <c r="I351" s="337"/>
      <c r="J351" s="337"/>
      <c r="K351" s="337"/>
      <c r="L351" s="337"/>
      <c r="M351" s="337"/>
      <c r="N351" s="337"/>
      <c r="O351" s="337"/>
      <c r="P351" s="337"/>
      <c r="Q351" s="337"/>
      <c r="R351" s="337"/>
      <c r="S351" s="337"/>
      <c r="T351" s="337"/>
      <c r="U351" s="337"/>
      <c r="V351" s="337"/>
      <c r="W351" s="337"/>
      <c r="X351" s="337"/>
      <c r="Y351" s="337"/>
      <c r="Z351" s="337"/>
      <c r="AA351" s="337"/>
      <c r="AB351" s="337"/>
      <c r="AC351" s="337"/>
      <c r="AD351" s="337"/>
      <c r="AE351" s="337"/>
      <c r="AF351" s="337"/>
      <c r="AG351" s="337"/>
      <c r="AH351" s="337"/>
      <c r="AI351" s="337"/>
      <c r="AJ351" s="337"/>
      <c r="AK351" s="337"/>
      <c r="AL351" s="337"/>
      <c r="AM351" s="337"/>
      <c r="AN351" s="337"/>
      <c r="AO351" s="337"/>
      <c r="AP351" s="337"/>
      <c r="AQ351" s="337"/>
      <c r="AR351" s="337"/>
      <c r="AS351" s="337"/>
      <c r="AT351" s="337"/>
    </row>
    <row r="352" spans="1:46" ht="66" customHeight="1">
      <c r="A352" s="405" t="s">
        <v>563</v>
      </c>
      <c r="B352" s="405"/>
      <c r="C352" s="405"/>
      <c r="D352" s="405"/>
      <c r="E352" s="405"/>
      <c r="F352" s="405"/>
      <c r="G352" s="405"/>
      <c r="H352" s="405"/>
      <c r="I352" s="405"/>
      <c r="J352" s="405"/>
      <c r="K352" s="405"/>
      <c r="L352" s="405"/>
      <c r="M352" s="405"/>
      <c r="N352" s="405"/>
      <c r="O352" s="405"/>
      <c r="P352" s="405"/>
      <c r="Q352" s="405"/>
      <c r="R352" s="405"/>
      <c r="S352" s="405"/>
      <c r="T352" s="405"/>
      <c r="U352" s="405"/>
      <c r="V352" s="405"/>
      <c r="W352" s="405"/>
      <c r="X352" s="405"/>
      <c r="Y352" s="405"/>
      <c r="Z352" s="405"/>
      <c r="AA352" s="405"/>
      <c r="AB352" s="405"/>
      <c r="AC352" s="405"/>
      <c r="AD352" s="405"/>
      <c r="AE352" s="405"/>
      <c r="AF352" s="405"/>
      <c r="AG352" s="405"/>
      <c r="AH352" s="405"/>
      <c r="AI352" s="405"/>
      <c r="AJ352" s="405"/>
      <c r="AK352" s="405"/>
      <c r="AL352" s="405"/>
      <c r="AM352" s="405"/>
      <c r="AN352" s="405"/>
      <c r="AO352" s="405"/>
      <c r="AP352" s="405"/>
      <c r="AQ352" s="405"/>
      <c r="AR352" s="405"/>
      <c r="AS352" s="405"/>
      <c r="AT352" s="405"/>
    </row>
    <row r="353" spans="1:46" ht="32.25" customHeight="1">
      <c r="A353" s="62"/>
      <c r="B353" s="383" t="s">
        <v>290</v>
      </c>
      <c r="C353" s="384"/>
      <c r="D353" s="384"/>
      <c r="E353" s="384"/>
      <c r="F353" s="384"/>
      <c r="G353" s="384"/>
      <c r="H353" s="384"/>
      <c r="I353" s="384"/>
      <c r="J353" s="385"/>
      <c r="K353" s="383" t="s">
        <v>291</v>
      </c>
      <c r="L353" s="384"/>
      <c r="M353" s="384"/>
      <c r="N353" s="384"/>
      <c r="O353" s="384"/>
      <c r="P353" s="384"/>
      <c r="Q353" s="384"/>
      <c r="R353" s="384"/>
      <c r="S353" s="385"/>
      <c r="T353" s="383" t="s">
        <v>292</v>
      </c>
      <c r="U353" s="384"/>
      <c r="V353" s="384"/>
      <c r="W353" s="384"/>
      <c r="X353" s="384"/>
      <c r="Y353" s="384"/>
      <c r="Z353" s="384"/>
      <c r="AA353" s="384"/>
      <c r="AB353" s="385"/>
      <c r="AC353" s="383" t="s">
        <v>293</v>
      </c>
      <c r="AD353" s="384"/>
      <c r="AE353" s="384"/>
      <c r="AF353" s="384"/>
      <c r="AG353" s="384"/>
      <c r="AH353" s="384"/>
      <c r="AI353" s="384"/>
      <c r="AJ353" s="384"/>
      <c r="AK353" s="385"/>
      <c r="AL353" s="383" t="s">
        <v>294</v>
      </c>
      <c r="AM353" s="384"/>
      <c r="AN353" s="384"/>
      <c r="AO353" s="384"/>
      <c r="AP353" s="384"/>
      <c r="AQ353" s="384"/>
      <c r="AR353" s="384"/>
      <c r="AS353" s="384"/>
      <c r="AT353" s="385"/>
    </row>
    <row r="354" spans="1:46" ht="60.75" customHeight="1">
      <c r="A354" s="35" t="s">
        <v>70</v>
      </c>
      <c r="B354" s="36" t="s">
        <v>71</v>
      </c>
      <c r="C354" s="36" t="s">
        <v>228</v>
      </c>
      <c r="D354" s="87" t="s">
        <v>295</v>
      </c>
      <c r="E354" s="36" t="s">
        <v>296</v>
      </c>
      <c r="F354" s="87" t="s">
        <v>269</v>
      </c>
      <c r="G354" s="36" t="s">
        <v>297</v>
      </c>
      <c r="H354" s="87" t="s">
        <v>270</v>
      </c>
      <c r="I354" s="36" t="s">
        <v>300</v>
      </c>
      <c r="J354" s="87" t="s">
        <v>314</v>
      </c>
      <c r="K354" s="63" t="s">
        <v>71</v>
      </c>
      <c r="L354" s="63" t="s">
        <v>344</v>
      </c>
      <c r="M354" s="86" t="s">
        <v>345</v>
      </c>
      <c r="N354" s="63" t="s">
        <v>341</v>
      </c>
      <c r="O354" s="86" t="s">
        <v>343</v>
      </c>
      <c r="P354" s="63" t="s">
        <v>346</v>
      </c>
      <c r="Q354" s="86" t="s">
        <v>347</v>
      </c>
      <c r="R354" s="264" t="s">
        <v>300</v>
      </c>
      <c r="S354" s="86" t="s">
        <v>314</v>
      </c>
      <c r="T354" s="36" t="s">
        <v>71</v>
      </c>
      <c r="U354" s="36" t="s">
        <v>344</v>
      </c>
      <c r="V354" s="87" t="s">
        <v>345</v>
      </c>
      <c r="W354" s="36" t="s">
        <v>341</v>
      </c>
      <c r="X354" s="87" t="s">
        <v>343</v>
      </c>
      <c r="Y354" s="36" t="s">
        <v>346</v>
      </c>
      <c r="Z354" s="87" t="s">
        <v>347</v>
      </c>
      <c r="AA354" s="36" t="s">
        <v>300</v>
      </c>
      <c r="AB354" s="87" t="s">
        <v>314</v>
      </c>
      <c r="AC354" s="63" t="s">
        <v>71</v>
      </c>
      <c r="AD354" s="63" t="s">
        <v>344</v>
      </c>
      <c r="AE354" s="86" t="s">
        <v>345</v>
      </c>
      <c r="AF354" s="63" t="s">
        <v>341</v>
      </c>
      <c r="AG354" s="86" t="s">
        <v>343</v>
      </c>
      <c r="AH354" s="63" t="s">
        <v>346</v>
      </c>
      <c r="AI354" s="86" t="s">
        <v>347</v>
      </c>
      <c r="AJ354" s="63" t="s">
        <v>300</v>
      </c>
      <c r="AK354" s="86" t="s">
        <v>314</v>
      </c>
      <c r="AL354" s="36" t="s">
        <v>71</v>
      </c>
      <c r="AM354" s="36" t="s">
        <v>344</v>
      </c>
      <c r="AN354" s="87" t="s">
        <v>345</v>
      </c>
      <c r="AO354" s="36" t="s">
        <v>341</v>
      </c>
      <c r="AP354" s="87" t="s">
        <v>343</v>
      </c>
      <c r="AQ354" s="36" t="s">
        <v>346</v>
      </c>
      <c r="AR354" s="87" t="s">
        <v>347</v>
      </c>
      <c r="AS354" s="36" t="s">
        <v>300</v>
      </c>
      <c r="AT354" s="87" t="s">
        <v>314</v>
      </c>
    </row>
    <row r="355" spans="1:46" ht="72">
      <c r="A355" s="39"/>
      <c r="B355" s="40" t="s">
        <v>73</v>
      </c>
      <c r="C355" s="40" t="s">
        <v>158</v>
      </c>
      <c r="D355" s="89" t="s">
        <v>87</v>
      </c>
      <c r="E355" s="40" t="s">
        <v>159</v>
      </c>
      <c r="F355" s="89" t="s">
        <v>87</v>
      </c>
      <c r="G355" s="40" t="s">
        <v>160</v>
      </c>
      <c r="H355" s="89" t="s">
        <v>87</v>
      </c>
      <c r="I355" s="40" t="s">
        <v>300</v>
      </c>
      <c r="J355" s="89" t="s">
        <v>87</v>
      </c>
      <c r="K355" s="66" t="s">
        <v>73</v>
      </c>
      <c r="L355" s="66" t="s">
        <v>340</v>
      </c>
      <c r="M355" s="88" t="s">
        <v>87</v>
      </c>
      <c r="N355" s="66" t="s">
        <v>342</v>
      </c>
      <c r="O355" s="88" t="s">
        <v>87</v>
      </c>
      <c r="P355" s="66" t="s">
        <v>158</v>
      </c>
      <c r="Q355" s="88" t="s">
        <v>87</v>
      </c>
      <c r="R355" s="265" t="s">
        <v>300</v>
      </c>
      <c r="S355" s="88" t="s">
        <v>87</v>
      </c>
      <c r="T355" s="40" t="s">
        <v>73</v>
      </c>
      <c r="U355" s="40" t="s">
        <v>340</v>
      </c>
      <c r="V355" s="89" t="s">
        <v>87</v>
      </c>
      <c r="W355" s="40" t="s">
        <v>342</v>
      </c>
      <c r="X355" s="89" t="s">
        <v>87</v>
      </c>
      <c r="Y355" s="40" t="s">
        <v>158</v>
      </c>
      <c r="Z355" s="89" t="s">
        <v>87</v>
      </c>
      <c r="AA355" s="40" t="s">
        <v>300</v>
      </c>
      <c r="AB355" s="89" t="s">
        <v>87</v>
      </c>
      <c r="AC355" s="66" t="s">
        <v>73</v>
      </c>
      <c r="AD355" s="66" t="s">
        <v>340</v>
      </c>
      <c r="AE355" s="88" t="s">
        <v>87</v>
      </c>
      <c r="AF355" s="66" t="s">
        <v>342</v>
      </c>
      <c r="AG355" s="88" t="s">
        <v>87</v>
      </c>
      <c r="AH355" s="66" t="s">
        <v>158</v>
      </c>
      <c r="AI355" s="88" t="s">
        <v>87</v>
      </c>
      <c r="AJ355" s="66" t="s">
        <v>300</v>
      </c>
      <c r="AK355" s="88" t="s">
        <v>87</v>
      </c>
      <c r="AL355" s="40" t="s">
        <v>73</v>
      </c>
      <c r="AM355" s="40" t="s">
        <v>340</v>
      </c>
      <c r="AN355" s="89" t="s">
        <v>87</v>
      </c>
      <c r="AO355" s="40" t="s">
        <v>342</v>
      </c>
      <c r="AP355" s="89" t="s">
        <v>87</v>
      </c>
      <c r="AQ355" s="40" t="s">
        <v>158</v>
      </c>
      <c r="AR355" s="89" t="s">
        <v>87</v>
      </c>
      <c r="AS355" s="40" t="s">
        <v>300</v>
      </c>
      <c r="AT355" s="89" t="s">
        <v>87</v>
      </c>
    </row>
    <row r="356" spans="1:46">
      <c r="A356" s="43" t="s">
        <v>348</v>
      </c>
      <c r="B356" s="204">
        <v>13815</v>
      </c>
      <c r="C356" s="210">
        <v>0.17605007959171437</v>
      </c>
      <c r="D356" s="92">
        <v>6.4811358179529301E-3</v>
      </c>
      <c r="E356" s="210">
        <v>0.16946925553153369</v>
      </c>
      <c r="F356" s="92">
        <v>6.3842891049194304E-3</v>
      </c>
      <c r="G356" s="210">
        <v>0.63870561427551786</v>
      </c>
      <c r="H356" s="92">
        <v>8.1730308757066942E-3</v>
      </c>
      <c r="I356" s="210">
        <v>1.5775050601248168E-2</v>
      </c>
      <c r="J356" s="92">
        <v>2.1291887836995919E-3</v>
      </c>
      <c r="K356" s="204">
        <v>13921</v>
      </c>
      <c r="L356" s="210">
        <v>0.43128119612438104</v>
      </c>
      <c r="M356" s="92">
        <v>8.3939011557169537E-3</v>
      </c>
      <c r="N356" s="210">
        <v>0.1965196850115149</v>
      </c>
      <c r="O356" s="92">
        <v>6.7359024248441375E-3</v>
      </c>
      <c r="P356" s="210">
        <v>0.31453606611118429</v>
      </c>
      <c r="Q356" s="92">
        <v>7.8700922431527674E-3</v>
      </c>
      <c r="R356" s="210">
        <v>5.766305275293792E-2</v>
      </c>
      <c r="S356" s="92">
        <v>3.9548771967590525E-3</v>
      </c>
      <c r="T356" s="204">
        <v>13959</v>
      </c>
      <c r="U356" s="210">
        <v>0.46530097545906712</v>
      </c>
      <c r="V356" s="92">
        <v>8.4423413112719187E-3</v>
      </c>
      <c r="W356" s="210">
        <v>0.14101964844660053</v>
      </c>
      <c r="X356" s="92">
        <v>5.8925645984896653E-3</v>
      </c>
      <c r="Y356" s="210">
        <v>0.2613093717616628</v>
      </c>
      <c r="Z356" s="92">
        <v>7.4368004297950176E-3</v>
      </c>
      <c r="AA356" s="210">
        <v>0.13237000433268897</v>
      </c>
      <c r="AB356" s="92">
        <v>5.7378479356672771E-3</v>
      </c>
      <c r="AC356" s="204">
        <v>13948</v>
      </c>
      <c r="AD356" s="210">
        <v>0.44480379197614073</v>
      </c>
      <c r="AE356" s="92">
        <v>8.4143540884781837E-3</v>
      </c>
      <c r="AF356" s="210">
        <v>0.16659488456625371</v>
      </c>
      <c r="AG356" s="92">
        <v>6.3105951983046978E-3</v>
      </c>
      <c r="AH356" s="210">
        <v>0.25628978034163385</v>
      </c>
      <c r="AI356" s="92">
        <v>7.3929551400165189E-3</v>
      </c>
      <c r="AJ356" s="210">
        <v>0.1323115431159905</v>
      </c>
      <c r="AK356" s="92">
        <v>5.7390379031784225E-3</v>
      </c>
      <c r="AL356" s="204">
        <v>13958</v>
      </c>
      <c r="AM356" s="210">
        <v>0.33216717297934245</v>
      </c>
      <c r="AN356" s="92">
        <v>7.9723106183940337E-3</v>
      </c>
      <c r="AO356" s="210">
        <v>0.17903716103535486</v>
      </c>
      <c r="AP356" s="92">
        <v>6.4904781822776054E-3</v>
      </c>
      <c r="AQ356" s="210">
        <v>0.28159880985013375</v>
      </c>
      <c r="AR356" s="92">
        <v>7.6135015105054148E-3</v>
      </c>
      <c r="AS356" s="210">
        <v>0.2071968561351886</v>
      </c>
      <c r="AT356" s="92">
        <v>6.861125455814774E-3</v>
      </c>
    </row>
    <row r="357" spans="1:46">
      <c r="A357" s="47" t="s">
        <v>349</v>
      </c>
      <c r="B357" s="207">
        <v>10146</v>
      </c>
      <c r="C357" s="211">
        <v>0.17890590456310965</v>
      </c>
      <c r="D357" s="95">
        <v>7.6107217103005302E-3</v>
      </c>
      <c r="E357" s="211">
        <v>0.17435877600897257</v>
      </c>
      <c r="F357" s="95">
        <v>7.53425953443684E-3</v>
      </c>
      <c r="G357" s="211">
        <v>0.63467323718153379</v>
      </c>
      <c r="H357" s="95">
        <v>9.5593023108101489E-3</v>
      </c>
      <c r="I357" s="211">
        <v>1.2062082246376926E-2</v>
      </c>
      <c r="J357" s="95">
        <v>2.184062594288781E-3</v>
      </c>
      <c r="K357" s="207">
        <v>10142</v>
      </c>
      <c r="L357" s="211">
        <v>0.46804500608368454</v>
      </c>
      <c r="M357" s="95">
        <v>9.9075100559377436E-3</v>
      </c>
      <c r="N357" s="211">
        <v>0.18959537622605446</v>
      </c>
      <c r="O357" s="95">
        <v>7.7849300255473609E-3</v>
      </c>
      <c r="P357" s="211">
        <v>0.28124422579891456</v>
      </c>
      <c r="Q357" s="95">
        <v>8.9280285035615893E-3</v>
      </c>
      <c r="R357" s="211">
        <v>6.1115391891346259E-2</v>
      </c>
      <c r="S357" s="95">
        <v>4.7625315480819518E-3</v>
      </c>
      <c r="T357" s="207">
        <v>10176</v>
      </c>
      <c r="U357" s="211">
        <v>0.56522380655885374</v>
      </c>
      <c r="V357" s="95">
        <v>9.8265747207698408E-3</v>
      </c>
      <c r="W357" s="211">
        <v>0.12027747431701769</v>
      </c>
      <c r="X357" s="95">
        <v>6.4513927761144828E-3</v>
      </c>
      <c r="Y357" s="211">
        <v>0.18078926181125976</v>
      </c>
      <c r="Z357" s="95">
        <v>7.630580702799949E-3</v>
      </c>
      <c r="AA357" s="211">
        <v>0.13370945731286588</v>
      </c>
      <c r="AB357" s="95">
        <v>6.7494205460137471E-3</v>
      </c>
      <c r="AC357" s="207">
        <v>10161</v>
      </c>
      <c r="AD357" s="211">
        <v>0.52526685976089205</v>
      </c>
      <c r="AE357" s="95">
        <v>9.9058447500712226E-3</v>
      </c>
      <c r="AF357" s="211">
        <v>0.15841249905892282</v>
      </c>
      <c r="AG357" s="95">
        <v>7.245529966462042E-3</v>
      </c>
      <c r="AH357" s="211">
        <v>0.18203124717061997</v>
      </c>
      <c r="AI357" s="95">
        <v>7.6565588255011431E-3</v>
      </c>
      <c r="AJ357" s="211">
        <v>0.1342893940095623</v>
      </c>
      <c r="AK357" s="95">
        <v>6.7667480904239682E-3</v>
      </c>
      <c r="AL357" s="207">
        <v>10165</v>
      </c>
      <c r="AM357" s="211">
        <v>0.38645328584310518</v>
      </c>
      <c r="AN357" s="95">
        <v>9.6576725982852451E-3</v>
      </c>
      <c r="AO357" s="211">
        <v>0.17138669573291548</v>
      </c>
      <c r="AP357" s="95">
        <v>7.4762740252015646E-3</v>
      </c>
      <c r="AQ357" s="211">
        <v>0.21890347432413532</v>
      </c>
      <c r="AR357" s="95">
        <v>8.2025420700415439E-3</v>
      </c>
      <c r="AS357" s="211">
        <v>0.22325654409984214</v>
      </c>
      <c r="AT357" s="95">
        <v>8.2605162700504671E-3</v>
      </c>
    </row>
    <row r="358" spans="1:46">
      <c r="A358" s="43" t="s">
        <v>350</v>
      </c>
      <c r="B358" s="204">
        <v>3669</v>
      </c>
      <c r="C358" s="210">
        <v>0.1737197336605466</v>
      </c>
      <c r="D358" s="92">
        <v>1.2512903649788814E-2</v>
      </c>
      <c r="E358" s="210">
        <v>0.16547941922711129</v>
      </c>
      <c r="F358" s="92">
        <v>1.2274187699993633E-2</v>
      </c>
      <c r="G358" s="210">
        <v>0.64199602375366893</v>
      </c>
      <c r="H358" s="92">
        <v>1.5822353760000834E-2</v>
      </c>
      <c r="I358" s="210">
        <v>1.8804823358672732E-2</v>
      </c>
      <c r="J358" s="92">
        <v>4.5434351275649449E-3</v>
      </c>
      <c r="K358" s="204">
        <v>3779</v>
      </c>
      <c r="L358" s="210">
        <v>0.40215772574423952</v>
      </c>
      <c r="M358" s="92">
        <v>1.5944893310416271E-2</v>
      </c>
      <c r="N358" s="210">
        <v>0.20200496801235687</v>
      </c>
      <c r="O358" s="92">
        <v>1.3063081311942658E-2</v>
      </c>
      <c r="P358" s="210">
        <v>0.34090911956530839</v>
      </c>
      <c r="Q358" s="92">
        <v>1.5415424161120156E-2</v>
      </c>
      <c r="R358" s="210">
        <v>5.4928186678095001E-2</v>
      </c>
      <c r="S358" s="92">
        <v>7.438514404945311E-3</v>
      </c>
      <c r="T358" s="204">
        <v>3783</v>
      </c>
      <c r="U358" s="210">
        <v>0.38586221827091144</v>
      </c>
      <c r="V358" s="92">
        <v>1.5821825218067829E-2</v>
      </c>
      <c r="W358" s="210">
        <v>0.15750969897957753</v>
      </c>
      <c r="X358" s="92">
        <v>1.1850136162261415E-2</v>
      </c>
      <c r="Y358" s="210">
        <v>0.32532294496320185</v>
      </c>
      <c r="Z358" s="92">
        <v>1.5228298704807647E-2</v>
      </c>
      <c r="AA358" s="210">
        <v>0.13130513778630981</v>
      </c>
      <c r="AB358" s="92">
        <v>1.0990122562692011E-2</v>
      </c>
      <c r="AC358" s="204">
        <v>3787</v>
      </c>
      <c r="AD358" s="210">
        <v>0.38108302459246834</v>
      </c>
      <c r="AE358" s="92">
        <v>1.5776351014167397E-2</v>
      </c>
      <c r="AF358" s="210">
        <v>0.17307472554062964</v>
      </c>
      <c r="AG358" s="92">
        <v>1.2298292518352566E-2</v>
      </c>
      <c r="AH358" s="210">
        <v>0.31509701760853898</v>
      </c>
      <c r="AI358" s="92">
        <v>1.5092539554168909E-2</v>
      </c>
      <c r="AJ358" s="210">
        <v>0.13074523225836387</v>
      </c>
      <c r="AK358" s="92">
        <v>1.0964487741235469E-2</v>
      </c>
      <c r="AL358" s="204">
        <v>3793</v>
      </c>
      <c r="AM358" s="210">
        <v>0.28915283208325138</v>
      </c>
      <c r="AN358" s="92">
        <v>1.4718393877672481E-2</v>
      </c>
      <c r="AO358" s="210">
        <v>0.1850991114158935</v>
      </c>
      <c r="AP358" s="92">
        <v>1.2614343958275053E-2</v>
      </c>
      <c r="AQ358" s="210">
        <v>0.33127631285493792</v>
      </c>
      <c r="AR358" s="92">
        <v>1.5278720826906535E-2</v>
      </c>
      <c r="AS358" s="210">
        <v>0.19447174364591735</v>
      </c>
      <c r="AT358" s="92">
        <v>1.2854365769488301E-2</v>
      </c>
    </row>
    <row r="359" spans="1:46">
      <c r="A359" s="47" t="s">
        <v>574</v>
      </c>
      <c r="B359" s="207">
        <v>4944</v>
      </c>
      <c r="C359" s="211">
        <v>0.17501375280918413</v>
      </c>
      <c r="D359" s="95">
        <v>1.0810135956395895E-2</v>
      </c>
      <c r="E359" s="211">
        <v>0.17222024501782499</v>
      </c>
      <c r="F359" s="95">
        <v>1.0741847387100363E-2</v>
      </c>
      <c r="G359" s="211">
        <v>0.63522601798336742</v>
      </c>
      <c r="H359" s="95">
        <v>1.3687335409569243E-2</v>
      </c>
      <c r="I359" s="211">
        <v>1.7539984189623228E-2</v>
      </c>
      <c r="J359" s="95">
        <v>3.7729114960717578E-3</v>
      </c>
      <c r="K359" s="207">
        <v>5036</v>
      </c>
      <c r="L359" s="211">
        <v>0.41865290053104715</v>
      </c>
      <c r="M359" s="95">
        <v>1.3898531068064423E-2</v>
      </c>
      <c r="N359" s="211">
        <v>0.19746643919199791</v>
      </c>
      <c r="O359" s="95">
        <v>1.1219974647731527E-2</v>
      </c>
      <c r="P359" s="211">
        <v>0.32659219319890004</v>
      </c>
      <c r="Q359" s="95">
        <v>1.3213072056153567E-2</v>
      </c>
      <c r="R359" s="211">
        <v>5.7288467078057369E-2</v>
      </c>
      <c r="S359" s="95">
        <v>6.5657526533975117E-3</v>
      </c>
      <c r="T359" s="207">
        <v>5041</v>
      </c>
      <c r="U359" s="211">
        <v>0.40835535071017032</v>
      </c>
      <c r="V359" s="95">
        <v>1.3840792930317669E-2</v>
      </c>
      <c r="W359" s="211">
        <v>0.15257518486504199</v>
      </c>
      <c r="X359" s="95">
        <v>1.0132416679431424E-2</v>
      </c>
      <c r="Y359" s="211">
        <v>0.3063451779762969</v>
      </c>
      <c r="Z359" s="95">
        <v>1.2981873605772425E-2</v>
      </c>
      <c r="AA359" s="211">
        <v>0.13272428644849515</v>
      </c>
      <c r="AB359" s="95">
        <v>9.5621639031518105E-3</v>
      </c>
      <c r="AC359" s="207">
        <v>5041</v>
      </c>
      <c r="AD359" s="211">
        <v>0.39424256264232654</v>
      </c>
      <c r="AE359" s="95">
        <v>1.3760894398042694E-2</v>
      </c>
      <c r="AF359" s="211">
        <v>0.17438543470737575</v>
      </c>
      <c r="AG359" s="95">
        <v>1.0690462940584273E-2</v>
      </c>
      <c r="AH359" s="211">
        <v>0.2982839698474018</v>
      </c>
      <c r="AI359" s="95">
        <v>1.288433379653673E-2</v>
      </c>
      <c r="AJ359" s="211">
        <v>0.1330880328028993</v>
      </c>
      <c r="AK359" s="95">
        <v>9.5732117748968809E-3</v>
      </c>
      <c r="AL359" s="207">
        <v>5049</v>
      </c>
      <c r="AM359" s="211">
        <v>0.29829755734680591</v>
      </c>
      <c r="AN359" s="95">
        <v>1.2874295519210403E-2</v>
      </c>
      <c r="AO359" s="211">
        <v>0.18390128049385931</v>
      </c>
      <c r="AP359" s="95">
        <v>1.0905554263935332E-2</v>
      </c>
      <c r="AQ359" s="211">
        <v>0.31866852084143615</v>
      </c>
      <c r="AR359" s="95">
        <v>1.3111615171933381E-2</v>
      </c>
      <c r="AS359" s="211">
        <v>0.19913264131790204</v>
      </c>
      <c r="AT359" s="95">
        <v>1.1240919654456668E-2</v>
      </c>
    </row>
    <row r="360" spans="1:46">
      <c r="A360" s="43" t="s">
        <v>575</v>
      </c>
      <c r="B360" s="204">
        <v>5112</v>
      </c>
      <c r="C360" s="210">
        <v>0.15300448308032213</v>
      </c>
      <c r="D360" s="92">
        <v>1.0073316804192082E-2</v>
      </c>
      <c r="E360" s="210">
        <v>0.16272194131595644</v>
      </c>
      <c r="F360" s="92">
        <v>1.0327753399739971E-2</v>
      </c>
      <c r="G360" s="210">
        <v>0.67354726750268923</v>
      </c>
      <c r="H360" s="92">
        <v>1.3113101098671542E-2</v>
      </c>
      <c r="I360" s="210">
        <v>1.0726308101032924E-2</v>
      </c>
      <c r="J360" s="92">
        <v>2.9307148407019231E-3</v>
      </c>
      <c r="K360" s="204">
        <v>5105</v>
      </c>
      <c r="L360" s="210">
        <v>0.43374722570337065</v>
      </c>
      <c r="M360" s="92">
        <v>1.3867291505562544E-2</v>
      </c>
      <c r="N360" s="210">
        <v>0.19904074722687015</v>
      </c>
      <c r="O360" s="92">
        <v>1.1177155038469562E-2</v>
      </c>
      <c r="P360" s="210">
        <v>0.30080234005593698</v>
      </c>
      <c r="Q360" s="92">
        <v>1.2834139275049733E-2</v>
      </c>
      <c r="R360" s="210">
        <v>6.640968701382248E-2</v>
      </c>
      <c r="S360" s="92">
        <v>6.9836768876391803E-3</v>
      </c>
      <c r="T360" s="204">
        <v>5130</v>
      </c>
      <c r="U360" s="210">
        <v>0.56556903751680121</v>
      </c>
      <c r="V360" s="92">
        <v>1.3836019963067551E-2</v>
      </c>
      <c r="W360" s="210">
        <v>0.11251731847281024</v>
      </c>
      <c r="X360" s="92">
        <v>8.8307921281453212E-3</v>
      </c>
      <c r="Y360" s="210">
        <v>0.17309371865691422</v>
      </c>
      <c r="Z360" s="92">
        <v>1.0566307738364707E-2</v>
      </c>
      <c r="AA360" s="210">
        <v>0.14881992535347252</v>
      </c>
      <c r="AB360" s="92">
        <v>9.9419685072742077E-3</v>
      </c>
      <c r="AC360" s="204">
        <v>5115</v>
      </c>
      <c r="AD360" s="210">
        <v>0.52705976212401395</v>
      </c>
      <c r="AE360" s="92">
        <v>1.3956338389946952E-2</v>
      </c>
      <c r="AF360" s="210">
        <v>0.14661139335836204</v>
      </c>
      <c r="AG360" s="92">
        <v>9.8953928966980832E-3</v>
      </c>
      <c r="AH360" s="210">
        <v>0.17521616824586339</v>
      </c>
      <c r="AI360" s="92">
        <v>1.0632663170041287E-2</v>
      </c>
      <c r="AJ360" s="210">
        <v>0.15111267627175923</v>
      </c>
      <c r="AK360" s="92">
        <v>1.0019234846142479E-2</v>
      </c>
      <c r="AL360" s="204">
        <v>5121</v>
      </c>
      <c r="AM360" s="210">
        <v>0.3772464455061651</v>
      </c>
      <c r="AN360" s="92">
        <v>1.354177139083953E-2</v>
      </c>
      <c r="AO360" s="210">
        <v>0.1664389299297914</v>
      </c>
      <c r="AP360" s="92">
        <v>1.0412398746755886E-2</v>
      </c>
      <c r="AQ360" s="210">
        <v>0.20479598208179689</v>
      </c>
      <c r="AR360" s="92">
        <v>1.1278836355211265E-2</v>
      </c>
      <c r="AS360" s="210">
        <v>0.25151864248224665</v>
      </c>
      <c r="AT360" s="92">
        <v>1.2124664856066456E-2</v>
      </c>
    </row>
    <row r="361" spans="1:46">
      <c r="A361" s="47" t="s">
        <v>576</v>
      </c>
      <c r="B361" s="207">
        <v>3118</v>
      </c>
      <c r="C361" s="211">
        <v>0.21554715515551567</v>
      </c>
      <c r="D361" s="95">
        <v>1.4727670255572653E-2</v>
      </c>
      <c r="E361" s="211">
        <v>0.17042378203221403</v>
      </c>
      <c r="F361" s="95">
        <v>1.3472047312411183E-2</v>
      </c>
      <c r="G361" s="211">
        <v>0.59997685301024251</v>
      </c>
      <c r="H361" s="95">
        <v>1.7536645084237568E-2</v>
      </c>
      <c r="I361" s="211">
        <v>1.4052209802020406E-2</v>
      </c>
      <c r="J361" s="95">
        <v>4.3041731932569154E-3</v>
      </c>
      <c r="K361" s="207">
        <v>3113</v>
      </c>
      <c r="L361" s="211">
        <v>0.50553674478593191</v>
      </c>
      <c r="M361" s="95">
        <v>1.7910389823601446E-2</v>
      </c>
      <c r="N361" s="211">
        <v>0.18147345522388933</v>
      </c>
      <c r="O361" s="95">
        <v>1.3818618568499148E-2</v>
      </c>
      <c r="P361" s="211">
        <v>0.26360067945535054</v>
      </c>
      <c r="Q361" s="95">
        <v>1.5788898569245167E-2</v>
      </c>
      <c r="R361" s="211">
        <v>4.9389120534821584E-2</v>
      </c>
      <c r="S361" s="95">
        <v>7.8050224007872246E-3</v>
      </c>
      <c r="T361" s="207">
        <v>3117</v>
      </c>
      <c r="U361" s="211">
        <v>0.64344530551799084</v>
      </c>
      <c r="V361" s="95">
        <v>1.714951698268628E-2</v>
      </c>
      <c r="W361" s="211">
        <v>0.1229165198965891</v>
      </c>
      <c r="X361" s="95">
        <v>1.1774463562087466E-2</v>
      </c>
      <c r="Y361" s="211">
        <v>0.1311524476256711</v>
      </c>
      <c r="Z361" s="95">
        <v>1.2103367159071612E-2</v>
      </c>
      <c r="AA361" s="211">
        <v>0.10248572695974215</v>
      </c>
      <c r="AB361" s="95">
        <v>1.0881505415498472E-2</v>
      </c>
      <c r="AC361" s="207">
        <v>3124</v>
      </c>
      <c r="AD361" s="211">
        <v>0.60660428661823484</v>
      </c>
      <c r="AE361" s="95">
        <v>1.7469907361642778E-2</v>
      </c>
      <c r="AF361" s="211">
        <v>0.153221281211817</v>
      </c>
      <c r="AG361" s="95">
        <v>1.2895997630397348E-2</v>
      </c>
      <c r="AH361" s="211">
        <v>0.13700981383420241</v>
      </c>
      <c r="AI361" s="95">
        <v>1.2313825644984113E-2</v>
      </c>
      <c r="AJ361" s="211">
        <v>0.1031646183357391</v>
      </c>
      <c r="AK361" s="95">
        <v>1.090086578799454E-2</v>
      </c>
      <c r="AL361" s="207">
        <v>3118</v>
      </c>
      <c r="AM361" s="211">
        <v>0.44402111003463568</v>
      </c>
      <c r="AN361" s="95">
        <v>1.7784905625250459E-2</v>
      </c>
      <c r="AO361" s="211">
        <v>0.17645971343830244</v>
      </c>
      <c r="AP361" s="95">
        <v>1.3657743091699048E-2</v>
      </c>
      <c r="AQ361" s="211">
        <v>0.18714221102617665</v>
      </c>
      <c r="AR361" s="95">
        <v>1.3972181420628746E-2</v>
      </c>
      <c r="AS361" s="211">
        <v>0.19237696550087918</v>
      </c>
      <c r="AT361" s="95">
        <v>1.4119940322761176E-2</v>
      </c>
    </row>
    <row r="362" spans="1:46">
      <c r="A362" s="43" t="s">
        <v>577</v>
      </c>
      <c r="B362" s="204">
        <v>414</v>
      </c>
      <c r="C362" s="210">
        <v>0.32272469407390225</v>
      </c>
      <c r="D362" s="92">
        <v>4.579672716145735E-2</v>
      </c>
      <c r="E362" s="210">
        <v>0.18305383570512984</v>
      </c>
      <c r="F362" s="92">
        <v>3.8070510162277665E-2</v>
      </c>
      <c r="G362" s="210">
        <v>0.49422147022096757</v>
      </c>
      <c r="H362" s="92">
        <v>4.8908394462091366E-2</v>
      </c>
      <c r="I362" s="210">
        <v>0</v>
      </c>
      <c r="J362" s="92">
        <v>6.7503646872487761E-3</v>
      </c>
      <c r="K362" s="204">
        <v>410</v>
      </c>
      <c r="L362" s="210">
        <v>0.59038989492048566</v>
      </c>
      <c r="M362" s="92">
        <v>4.835324777344413E-2</v>
      </c>
      <c r="N362" s="210">
        <v>0.1169686071515901</v>
      </c>
      <c r="O362" s="92">
        <v>3.2018758242157726E-2</v>
      </c>
      <c r="P362" s="210">
        <v>0.26970525429624426</v>
      </c>
      <c r="Q362" s="92">
        <v>4.373660987941131E-2</v>
      </c>
      <c r="R362" s="210">
        <v>2.2936243631679253E-2</v>
      </c>
      <c r="S362" s="92">
        <v>1.6087561634269647E-2</v>
      </c>
      <c r="T362" s="204">
        <v>413</v>
      </c>
      <c r="U362" s="210">
        <v>0.66486919946397705</v>
      </c>
      <c r="V362" s="92">
        <v>4.6285229801014766E-2</v>
      </c>
      <c r="W362" s="210">
        <v>0.10908978911512118</v>
      </c>
      <c r="X362" s="92">
        <v>3.09880101229974E-2</v>
      </c>
      <c r="Y362" s="210">
        <v>0.14832459980951046</v>
      </c>
      <c r="Z362" s="92">
        <v>3.5133961694342429E-2</v>
      </c>
      <c r="AA362" s="210">
        <v>7.7716411611390729E-2</v>
      </c>
      <c r="AB362" s="92">
        <v>2.6836611224061606E-2</v>
      </c>
      <c r="AC362" s="204">
        <v>413</v>
      </c>
      <c r="AD362" s="210">
        <v>0.68241715442843986</v>
      </c>
      <c r="AE362" s="92">
        <v>4.5661596328880769E-2</v>
      </c>
      <c r="AF362" s="210">
        <v>0.10395065989123912</v>
      </c>
      <c r="AG362" s="92">
        <v>3.0367800961865036E-2</v>
      </c>
      <c r="AH362" s="210">
        <v>0.16827791314249424</v>
      </c>
      <c r="AI362" s="92">
        <v>3.6914757263131925E-2</v>
      </c>
      <c r="AJ362" s="210">
        <v>4.5354272537826229E-2</v>
      </c>
      <c r="AK362" s="92">
        <v>2.128796810914213E-2</v>
      </c>
      <c r="AL362" s="204">
        <v>412</v>
      </c>
      <c r="AM362" s="210">
        <v>0.588352669228695</v>
      </c>
      <c r="AN362" s="92">
        <v>4.82723845278114E-2</v>
      </c>
      <c r="AO362" s="210">
        <v>0.11778194861300309</v>
      </c>
      <c r="AP362" s="92">
        <v>3.2031428324802685E-2</v>
      </c>
      <c r="AQ362" s="210">
        <v>0.18679746557944543</v>
      </c>
      <c r="AR362" s="92">
        <v>3.8453463526148118E-2</v>
      </c>
      <c r="AS362" s="210">
        <v>0.10706791657885584</v>
      </c>
      <c r="AT362" s="92">
        <v>3.0784494357418497E-2</v>
      </c>
    </row>
    <row r="363" spans="1:46">
      <c r="A363" s="47" t="s">
        <v>578</v>
      </c>
      <c r="B363" s="207">
        <v>144</v>
      </c>
      <c r="C363" s="211">
        <v>0.19261417410208348</v>
      </c>
      <c r="D363" s="95">
        <v>6.5872991959304447E-2</v>
      </c>
      <c r="E363" s="211">
        <v>0.1237431726443813</v>
      </c>
      <c r="F363" s="95">
        <v>5.5987396844284595E-2</v>
      </c>
      <c r="G363" s="211">
        <v>0.66974569357917257</v>
      </c>
      <c r="H363" s="95">
        <v>7.7585670911919202E-2</v>
      </c>
      <c r="I363" s="211">
        <v>1.3896959674362233E-2</v>
      </c>
      <c r="J363" s="95">
        <v>2.6663060267009223E-2</v>
      </c>
      <c r="K363" s="207">
        <v>143</v>
      </c>
      <c r="L363" s="211">
        <v>0.29634261357778663</v>
      </c>
      <c r="M363" s="95">
        <v>7.5727792836239094E-2</v>
      </c>
      <c r="N363" s="211">
        <v>0.14650758099095681</v>
      </c>
      <c r="O363" s="95">
        <v>5.9875372284171023E-2</v>
      </c>
      <c r="P363" s="211">
        <v>0.54150706047874819</v>
      </c>
      <c r="Q363" s="95">
        <v>8.2209231663471785E-2</v>
      </c>
      <c r="R363" s="211">
        <v>1.5642744952507958E-2</v>
      </c>
      <c r="S363" s="95">
        <v>2.7598578158916833E-2</v>
      </c>
      <c r="T363" s="207">
        <v>143</v>
      </c>
      <c r="U363" s="211">
        <v>0.49528664156517005</v>
      </c>
      <c r="V363" s="95">
        <v>8.2475141886542286E-2</v>
      </c>
      <c r="W363" s="211">
        <v>0.13300311548380234</v>
      </c>
      <c r="X363" s="95">
        <v>5.7745265030376844E-2</v>
      </c>
      <c r="Y363" s="211">
        <v>0.2863810192600536</v>
      </c>
      <c r="Z363" s="95">
        <v>7.5017743968241082E-2</v>
      </c>
      <c r="AA363" s="211">
        <v>8.5329223690973524E-2</v>
      </c>
      <c r="AB363" s="95">
        <v>4.8733274483648434E-2</v>
      </c>
      <c r="AC363" s="207">
        <v>143</v>
      </c>
      <c r="AD363" s="211">
        <v>0.55619138149648928</v>
      </c>
      <c r="AE363" s="95">
        <v>8.1984240384982865E-2</v>
      </c>
      <c r="AF363" s="211">
        <v>0.1818757259770834</v>
      </c>
      <c r="AG363" s="95">
        <v>6.4782138601822581E-2</v>
      </c>
      <c r="AH363" s="211">
        <v>0.205626453197603</v>
      </c>
      <c r="AI363" s="95">
        <v>6.7611538140743263E-2</v>
      </c>
      <c r="AJ363" s="211">
        <v>5.6306439328823961E-2</v>
      </c>
      <c r="AK363" s="95">
        <v>4.1634609342055852E-2</v>
      </c>
      <c r="AL363" s="207">
        <v>143</v>
      </c>
      <c r="AM363" s="211">
        <v>0.34037380776690751</v>
      </c>
      <c r="AN363" s="95">
        <v>7.840021296443124E-2</v>
      </c>
      <c r="AO363" s="211">
        <v>0.2071297495892388</v>
      </c>
      <c r="AP363" s="95">
        <v>6.7779439182993562E-2</v>
      </c>
      <c r="AQ363" s="211">
        <v>0.30966847932405178</v>
      </c>
      <c r="AR363" s="95">
        <v>7.661522859647947E-2</v>
      </c>
      <c r="AS363" s="211">
        <v>0.1428279633198016</v>
      </c>
      <c r="AT363" s="95">
        <v>5.9310405497229504E-2</v>
      </c>
    </row>
    <row r="364" spans="1:46">
      <c r="A364" s="43" t="s">
        <v>581</v>
      </c>
      <c r="B364" s="204">
        <v>9774</v>
      </c>
      <c r="C364" s="210">
        <v>0.17992616025765962</v>
      </c>
      <c r="D364" s="92">
        <v>7.771447300750519E-3</v>
      </c>
      <c r="E364" s="210">
        <v>0.16907396940101346</v>
      </c>
      <c r="F364" s="92">
        <v>7.5833823413165771E-3</v>
      </c>
      <c r="G364" s="210">
        <v>0.63449549894259805</v>
      </c>
      <c r="H364" s="92">
        <v>9.7404600867434105E-3</v>
      </c>
      <c r="I364" s="210">
        <v>1.6504371398748136E-2</v>
      </c>
      <c r="J364" s="92">
        <v>2.5919931467760166E-3</v>
      </c>
      <c r="K364" s="204">
        <v>9806</v>
      </c>
      <c r="L364" s="210">
        <v>0.43219914587165931</v>
      </c>
      <c r="M364" s="92">
        <v>1.0003196068398756E-2</v>
      </c>
      <c r="N364" s="210">
        <v>0.19465677311287372</v>
      </c>
      <c r="O364" s="92">
        <v>7.9969803295381822E-3</v>
      </c>
      <c r="P364" s="210">
        <v>0.31661963122861803</v>
      </c>
      <c r="Q364" s="92">
        <v>9.3934077670949929E-3</v>
      </c>
      <c r="R364" s="210">
        <v>5.6524449786872724E-2</v>
      </c>
      <c r="S364" s="92">
        <v>4.6701510542361139E-3</v>
      </c>
      <c r="T364" s="204">
        <v>9829</v>
      </c>
      <c r="U364" s="210">
        <v>0.45234207474327698</v>
      </c>
      <c r="V364" s="92">
        <v>1.0038683841019675E-2</v>
      </c>
      <c r="W364" s="210">
        <v>0.1420962640898106</v>
      </c>
      <c r="X364" s="92">
        <v>7.0450342309242818E-3</v>
      </c>
      <c r="Y364" s="210">
        <v>0.2741511410376779</v>
      </c>
      <c r="Z364" s="92">
        <v>8.9980908891233793E-3</v>
      </c>
      <c r="AA364" s="210">
        <v>0.13141052012925802</v>
      </c>
      <c r="AB364" s="92">
        <v>6.8174107633239365E-3</v>
      </c>
      <c r="AC364" s="204">
        <v>9819</v>
      </c>
      <c r="AD364" s="210">
        <v>0.43363845416971353</v>
      </c>
      <c r="AE364" s="92">
        <v>1.000050352129068E-2</v>
      </c>
      <c r="AF364" s="210">
        <v>0.16718623446114289</v>
      </c>
      <c r="AG364" s="92">
        <v>7.5322155922660393E-3</v>
      </c>
      <c r="AH364" s="210">
        <v>0.267613474781076</v>
      </c>
      <c r="AI364" s="92">
        <v>8.9347169136574905E-3</v>
      </c>
      <c r="AJ364" s="210">
        <v>0.13156183658809162</v>
      </c>
      <c r="AK364" s="92">
        <v>6.8242088539841473E-3</v>
      </c>
      <c r="AL364" s="204">
        <v>9833</v>
      </c>
      <c r="AM364" s="210">
        <v>0.32415885282705742</v>
      </c>
      <c r="AN364" s="92">
        <v>9.4389749964914078E-3</v>
      </c>
      <c r="AO364" s="210">
        <v>0.18061478773075629</v>
      </c>
      <c r="AP364" s="92">
        <v>7.7596304171290301E-3</v>
      </c>
      <c r="AQ364" s="210">
        <v>0.29177118456698536</v>
      </c>
      <c r="AR364" s="92">
        <v>9.1673476232479352E-3</v>
      </c>
      <c r="AS364" s="210">
        <v>0.20345517487522458</v>
      </c>
      <c r="AT364" s="92">
        <v>8.1195867447695184E-3</v>
      </c>
    </row>
    <row r="365" spans="1:46">
      <c r="A365" s="47" t="s">
        <v>580</v>
      </c>
      <c r="B365" s="207">
        <v>4000</v>
      </c>
      <c r="C365" s="211">
        <v>0.14997326033469319</v>
      </c>
      <c r="D365" s="95">
        <v>1.1295944118842327E-2</v>
      </c>
      <c r="E365" s="211">
        <v>0.17762994665482579</v>
      </c>
      <c r="F365" s="95">
        <v>1.208879412155409E-2</v>
      </c>
      <c r="G365" s="211">
        <v>0.66181440639283751</v>
      </c>
      <c r="H365" s="95">
        <v>1.4954756517521983E-2</v>
      </c>
      <c r="I365" s="211">
        <v>1.0582386617643682E-2</v>
      </c>
      <c r="J365" s="95">
        <v>3.3072350198226222E-3</v>
      </c>
      <c r="K365" s="207">
        <v>3996</v>
      </c>
      <c r="L365" s="211">
        <v>0.44010297789548924</v>
      </c>
      <c r="M365" s="95">
        <v>1.5697755204546682E-2</v>
      </c>
      <c r="N365" s="211">
        <v>0.19998718059398496</v>
      </c>
      <c r="O365" s="95">
        <v>1.2655916939043884E-2</v>
      </c>
      <c r="P365" s="211">
        <v>0.29844006213029889</v>
      </c>
      <c r="Q365" s="95">
        <v>1.4472553459450815E-2</v>
      </c>
      <c r="R365" s="211">
        <v>6.1469779380226734E-2</v>
      </c>
      <c r="S365" s="95">
        <v>7.6207395181315729E-3</v>
      </c>
      <c r="T365" s="207">
        <v>4012</v>
      </c>
      <c r="U365" s="211">
        <v>0.58875388062286471</v>
      </c>
      <c r="V365" s="95">
        <v>1.5529769400892649E-2</v>
      </c>
      <c r="W365" s="211">
        <v>0.12709907693500561</v>
      </c>
      <c r="X365" s="95">
        <v>1.0525143762021802E-2</v>
      </c>
      <c r="Y365" s="211">
        <v>0.15568141521871892</v>
      </c>
      <c r="Z365" s="95">
        <v>1.1452341940843077E-2</v>
      </c>
      <c r="AA365" s="211">
        <v>0.12846562722341034</v>
      </c>
      <c r="AB365" s="95">
        <v>1.057307377383316E-2</v>
      </c>
      <c r="AC365" s="207">
        <v>4010</v>
      </c>
      <c r="AD365" s="211">
        <v>0.54555250027471403</v>
      </c>
      <c r="AE365" s="95">
        <v>1.5718281646586809E-2</v>
      </c>
      <c r="AF365" s="211">
        <v>0.16468934406974559</v>
      </c>
      <c r="AG365" s="95">
        <v>1.1717941330797408E-2</v>
      </c>
      <c r="AH365" s="211">
        <v>0.15794101951995576</v>
      </c>
      <c r="AI365" s="95">
        <v>1.1522328584352055E-2</v>
      </c>
      <c r="AJ365" s="211">
        <v>0.1318171361355851</v>
      </c>
      <c r="AK365" s="95">
        <v>1.069164749429064E-2</v>
      </c>
      <c r="AL365" s="207">
        <v>4005</v>
      </c>
      <c r="AM365" s="211">
        <v>0.39730998570840881</v>
      </c>
      <c r="AN365" s="95">
        <v>1.5457625389652445E-2</v>
      </c>
      <c r="AO365" s="211">
        <v>0.17773969906995998</v>
      </c>
      <c r="AP365" s="95">
        <v>1.2084157881986144E-2</v>
      </c>
      <c r="AQ365" s="211">
        <v>0.19408359343432197</v>
      </c>
      <c r="AR365" s="95">
        <v>1.2500009819423476E-2</v>
      </c>
      <c r="AS365" s="211">
        <v>0.23086672178730874</v>
      </c>
      <c r="AT365" s="95">
        <v>1.3315884983506696E-2</v>
      </c>
    </row>
    <row r="366" spans="1:46">
      <c r="A366" s="43" t="s">
        <v>583</v>
      </c>
      <c r="B366" s="204">
        <v>917</v>
      </c>
      <c r="C366" s="210">
        <v>0.21181482091693427</v>
      </c>
      <c r="D366" s="92">
        <v>2.6985268177846123E-2</v>
      </c>
      <c r="E366" s="210">
        <v>0.17877522453145403</v>
      </c>
      <c r="F366" s="92">
        <v>2.5328159968824034E-2</v>
      </c>
      <c r="G366" s="210">
        <v>0.6011892206528141</v>
      </c>
      <c r="H366" s="92">
        <v>3.2275247343026128E-2</v>
      </c>
      <c r="I366" s="210">
        <v>8.2207338987961339E-3</v>
      </c>
      <c r="J366" s="92">
        <v>6.6718733956613232E-3</v>
      </c>
      <c r="K366" s="204">
        <v>920</v>
      </c>
      <c r="L366" s="210">
        <v>0.52561381626813375</v>
      </c>
      <c r="M366" s="92">
        <v>3.2854763724526052E-2</v>
      </c>
      <c r="N366" s="210">
        <v>0.18970837603696367</v>
      </c>
      <c r="O366" s="92">
        <v>2.5866030520863347E-2</v>
      </c>
      <c r="P366" s="210">
        <v>0.2350014801564915</v>
      </c>
      <c r="Q366" s="92">
        <v>2.7944167457896973E-2</v>
      </c>
      <c r="R366" s="210">
        <v>4.9676327538409205E-2</v>
      </c>
      <c r="S366" s="92">
        <v>1.4558518940861678E-2</v>
      </c>
      <c r="T366" s="204">
        <v>919</v>
      </c>
      <c r="U366" s="210">
        <v>0.68276385598861111</v>
      </c>
      <c r="V366" s="92">
        <v>3.0658094901381942E-2</v>
      </c>
      <c r="W366" s="210">
        <v>0.13002189830137165</v>
      </c>
      <c r="X366" s="92">
        <v>2.2256269503693783E-2</v>
      </c>
      <c r="Y366" s="210">
        <v>9.6928983466140345E-2</v>
      </c>
      <c r="Z366" s="92">
        <v>1.9632469456967904E-2</v>
      </c>
      <c r="AA366" s="210">
        <v>9.0285262243876577E-2</v>
      </c>
      <c r="AB366" s="92">
        <v>1.9032462698399942E-2</v>
      </c>
      <c r="AC366" s="204">
        <v>920</v>
      </c>
      <c r="AD366" s="210">
        <v>0.61065128105352107</v>
      </c>
      <c r="AE366" s="92">
        <v>3.2089031359755188E-2</v>
      </c>
      <c r="AF366" s="210">
        <v>0.17958310505092026</v>
      </c>
      <c r="AG366" s="92">
        <v>2.5330711394439358E-2</v>
      </c>
      <c r="AH366" s="210">
        <v>0.11244906782911873</v>
      </c>
      <c r="AI366" s="92">
        <v>2.0920572959409339E-2</v>
      </c>
      <c r="AJ366" s="210">
        <v>9.73165460664389E-2</v>
      </c>
      <c r="AK366" s="92">
        <v>1.9655796490655689E-2</v>
      </c>
      <c r="AL366" s="204">
        <v>920</v>
      </c>
      <c r="AM366" s="210">
        <v>0.48001116629559548</v>
      </c>
      <c r="AN366" s="92">
        <v>3.2871512843336212E-2</v>
      </c>
      <c r="AO366" s="210">
        <v>0.17707371048463347</v>
      </c>
      <c r="AP366" s="92">
        <v>2.5193581815272613E-2</v>
      </c>
      <c r="AQ366" s="210">
        <v>0.15380120781142367</v>
      </c>
      <c r="AR366" s="92">
        <v>2.3830374932415126E-2</v>
      </c>
      <c r="AS366" s="210">
        <v>0.18911391540834566</v>
      </c>
      <c r="AT366" s="92">
        <v>2.5835378697772311E-2</v>
      </c>
    </row>
    <row r="367" spans="1:46">
      <c r="A367" s="47" t="s">
        <v>582</v>
      </c>
      <c r="B367" s="207">
        <v>3083</v>
      </c>
      <c r="C367" s="211">
        <v>0.12773995417498452</v>
      </c>
      <c r="D367" s="95">
        <v>1.2035007304660896E-2</v>
      </c>
      <c r="E367" s="211">
        <v>0.17721819582853207</v>
      </c>
      <c r="F367" s="95">
        <v>1.3758137409722884E-2</v>
      </c>
      <c r="G367" s="211">
        <v>0.68361040091264802</v>
      </c>
      <c r="H367" s="95">
        <v>1.6744213420972452E-2</v>
      </c>
      <c r="I367" s="211">
        <v>1.1431449083834476E-2</v>
      </c>
      <c r="J367" s="95">
        <v>3.9298946259702025E-3</v>
      </c>
      <c r="K367" s="207">
        <v>3076</v>
      </c>
      <c r="L367" s="211">
        <v>0.40933484377167012</v>
      </c>
      <c r="M367" s="95">
        <v>1.7720820781982304E-2</v>
      </c>
      <c r="N367" s="211">
        <v>0.20368565488404811</v>
      </c>
      <c r="O367" s="95">
        <v>1.452385938603996E-2</v>
      </c>
      <c r="P367" s="211">
        <v>0.32126625394342168</v>
      </c>
      <c r="Q367" s="95">
        <v>1.6831370298608733E-2</v>
      </c>
      <c r="R367" s="211">
        <v>6.5713247400859751E-2</v>
      </c>
      <c r="S367" s="95">
        <v>8.9649086076843982E-3</v>
      </c>
      <c r="T367" s="207">
        <v>3093</v>
      </c>
      <c r="U367" s="211">
        <v>0.55493889925907447</v>
      </c>
      <c r="V367" s="95">
        <v>1.7860707012561729E-2</v>
      </c>
      <c r="W367" s="211">
        <v>0.12604775073638841</v>
      </c>
      <c r="X367" s="95">
        <v>1.1947615167906361E-2</v>
      </c>
      <c r="Y367" s="211">
        <v>0.17681441070203363</v>
      </c>
      <c r="Z367" s="95">
        <v>1.3723629768122301E-2</v>
      </c>
      <c r="AA367" s="211">
        <v>0.14219893930250349</v>
      </c>
      <c r="AB367" s="95">
        <v>1.256864320688863E-2</v>
      </c>
      <c r="AC367" s="207">
        <v>3090</v>
      </c>
      <c r="AD367" s="211">
        <v>0.52213618257814431</v>
      </c>
      <c r="AE367" s="95">
        <v>1.7960354803397506E-2</v>
      </c>
      <c r="AF367" s="211">
        <v>0.15933199275441187</v>
      </c>
      <c r="AG367" s="95">
        <v>1.3174047062846887E-2</v>
      </c>
      <c r="AH367" s="211">
        <v>0.17430467457901405</v>
      </c>
      <c r="AI367" s="95">
        <v>1.3653608211999868E-2</v>
      </c>
      <c r="AJ367" s="211">
        <v>0.14422715008843059</v>
      </c>
      <c r="AK367" s="95">
        <v>1.2648739857539053E-2</v>
      </c>
      <c r="AL367" s="207">
        <v>3085</v>
      </c>
      <c r="AM367" s="211">
        <v>0.367538602183904</v>
      </c>
      <c r="AN367" s="95">
        <v>1.7351297270037147E-2</v>
      </c>
      <c r="AO367" s="211">
        <v>0.17797944657363421</v>
      </c>
      <c r="AP367" s="95">
        <v>1.3776702692731686E-2</v>
      </c>
      <c r="AQ367" s="211">
        <v>0.20858474496742491</v>
      </c>
      <c r="AR367" s="95">
        <v>1.4630307434447399E-2</v>
      </c>
      <c r="AS367" s="211">
        <v>0.24589720627503692</v>
      </c>
      <c r="AT367" s="95">
        <v>1.550274917952638E-2</v>
      </c>
    </row>
    <row r="368" spans="1:46">
      <c r="A368" s="43" t="s">
        <v>568</v>
      </c>
      <c r="B368" s="204">
        <v>8207</v>
      </c>
      <c r="C368" s="210">
        <v>0.19424476853828609</v>
      </c>
      <c r="D368" s="92">
        <v>8.7344287092460237E-3</v>
      </c>
      <c r="E368" s="210">
        <v>0.17520262651641957</v>
      </c>
      <c r="F368" s="92">
        <v>8.3932520868942161E-3</v>
      </c>
      <c r="G368" s="210">
        <v>0.61529308210420008</v>
      </c>
      <c r="H368" s="92">
        <v>1.0738654286521279E-2</v>
      </c>
      <c r="I368" s="210">
        <v>1.5259522841082507E-2</v>
      </c>
      <c r="J368" s="92">
        <v>2.7261258010750568E-3</v>
      </c>
      <c r="K368" s="204">
        <v>8283</v>
      </c>
      <c r="L368" s="210">
        <v>0.44470583795085317</v>
      </c>
      <c r="M368" s="92">
        <v>1.0917718446512561E-2</v>
      </c>
      <c r="N368" s="210">
        <v>0.20080334406032249</v>
      </c>
      <c r="O368" s="92">
        <v>8.8036039933362346E-3</v>
      </c>
      <c r="P368" s="210">
        <v>0.29283767707910469</v>
      </c>
      <c r="Q368" s="92">
        <v>9.998797849608887E-3</v>
      </c>
      <c r="R368" s="210">
        <v>6.1653140909708457E-2</v>
      </c>
      <c r="S368" s="92">
        <v>5.2928014049799712E-3</v>
      </c>
      <c r="T368" s="204">
        <v>8308</v>
      </c>
      <c r="U368" s="210">
        <v>0.48042705208362446</v>
      </c>
      <c r="V368" s="92">
        <v>1.0960100626662004E-2</v>
      </c>
      <c r="W368" s="210">
        <v>0.13538700974631135</v>
      </c>
      <c r="X368" s="92">
        <v>7.5095476295106668E-3</v>
      </c>
      <c r="Y368" s="210">
        <v>0.24147230363140615</v>
      </c>
      <c r="Z368" s="92">
        <v>9.3901567890375091E-3</v>
      </c>
      <c r="AA368" s="210">
        <v>0.14271363453864905</v>
      </c>
      <c r="AB368" s="92">
        <v>7.6769872675110928E-3</v>
      </c>
      <c r="AC368" s="204">
        <v>8291</v>
      </c>
      <c r="AD368" s="210">
        <v>0.4672748443056699</v>
      </c>
      <c r="AE368" s="92">
        <v>1.0956213950444051E-2</v>
      </c>
      <c r="AF368" s="210">
        <v>0.15550865118418378</v>
      </c>
      <c r="AG368" s="92">
        <v>7.9613332216990074E-3</v>
      </c>
      <c r="AH368" s="210">
        <v>0.22945022252947925</v>
      </c>
      <c r="AI368" s="92">
        <v>9.2353435662043855E-3</v>
      </c>
      <c r="AJ368" s="210">
        <v>0.14776628198065755</v>
      </c>
      <c r="AK368" s="92">
        <v>7.7964160885052982E-3</v>
      </c>
      <c r="AL368" s="204">
        <v>8300</v>
      </c>
      <c r="AM368" s="210">
        <v>0.36099680657950622</v>
      </c>
      <c r="AN368" s="92">
        <v>1.0541612246831967E-2</v>
      </c>
      <c r="AO368" s="210">
        <v>0.16682650434679669</v>
      </c>
      <c r="AP368" s="92">
        <v>8.1856569206048245E-3</v>
      </c>
      <c r="AQ368" s="210">
        <v>0.24778100925275723</v>
      </c>
      <c r="AR368" s="92">
        <v>9.4768466335807613E-3</v>
      </c>
      <c r="AS368" s="210">
        <v>0.2243956798209297</v>
      </c>
      <c r="AT368" s="92">
        <v>9.1580907007764098E-3</v>
      </c>
    </row>
    <row r="369" spans="1:46">
      <c r="A369" s="47" t="s">
        <v>569</v>
      </c>
      <c r="B369" s="207">
        <v>5471</v>
      </c>
      <c r="C369" s="211">
        <v>0.15518249105459919</v>
      </c>
      <c r="D369" s="95">
        <v>9.7932809293709081E-3</v>
      </c>
      <c r="E369" s="211">
        <v>0.16501996224970064</v>
      </c>
      <c r="F369" s="95">
        <v>1.0039275442091425E-2</v>
      </c>
      <c r="G369" s="211">
        <v>0.66339207056342331</v>
      </c>
      <c r="H369" s="95">
        <v>1.2773889644697349E-2</v>
      </c>
      <c r="I369" s="211">
        <v>1.6405476132295638E-2</v>
      </c>
      <c r="J369" s="95">
        <v>3.4696787320174219E-3</v>
      </c>
      <c r="K369" s="207">
        <v>5502</v>
      </c>
      <c r="L369" s="211">
        <v>0.41539206336134532</v>
      </c>
      <c r="M369" s="95">
        <v>1.3282586102540328E-2</v>
      </c>
      <c r="N369" s="211">
        <v>0.19325712661018069</v>
      </c>
      <c r="O369" s="95">
        <v>1.0647250599336765E-2</v>
      </c>
      <c r="P369" s="211">
        <v>0.3386889770168785</v>
      </c>
      <c r="Q369" s="95">
        <v>1.2757099487670082E-2</v>
      </c>
      <c r="R369" s="211">
        <v>5.2661833011614909E-2</v>
      </c>
      <c r="S369" s="95">
        <v>6.0377317491614752E-3</v>
      </c>
      <c r="T369" s="207">
        <v>5514</v>
      </c>
      <c r="U369" s="211">
        <v>0.44696141571234349</v>
      </c>
      <c r="V369" s="95">
        <v>1.3386143060592536E-2</v>
      </c>
      <c r="W369" s="211">
        <v>0.14896005698413189</v>
      </c>
      <c r="X369" s="95">
        <v>9.5930063627062846E-3</v>
      </c>
      <c r="Y369" s="211">
        <v>0.28389339479380132</v>
      </c>
      <c r="Z369" s="95">
        <v>1.2141655726905435E-2</v>
      </c>
      <c r="AA369" s="211">
        <v>0.12018513250974239</v>
      </c>
      <c r="AB369" s="95">
        <v>8.763732057053393E-3</v>
      </c>
      <c r="AC369" s="207">
        <v>5521</v>
      </c>
      <c r="AD369" s="211">
        <v>0.4199132807171545</v>
      </c>
      <c r="AE369" s="95">
        <v>1.3280009843056688E-2</v>
      </c>
      <c r="AF369" s="211">
        <v>0.17949855990601152</v>
      </c>
      <c r="AG369" s="95">
        <v>1.0331255905104204E-2</v>
      </c>
      <c r="AH369" s="211">
        <v>0.2860480001572499</v>
      </c>
      <c r="AI369" s="95">
        <v>1.2161531190110363E-2</v>
      </c>
      <c r="AJ369" s="211">
        <v>0.11454015921960366</v>
      </c>
      <c r="AK369" s="95">
        <v>8.5780218247000651E-3</v>
      </c>
      <c r="AL369" s="207">
        <v>5521</v>
      </c>
      <c r="AM369" s="211">
        <v>0.30147740726084193</v>
      </c>
      <c r="AN369" s="95">
        <v>1.2349241478438189E-2</v>
      </c>
      <c r="AO369" s="211">
        <v>0.19167440736138652</v>
      </c>
      <c r="AP369" s="95">
        <v>1.059575358632777E-2</v>
      </c>
      <c r="AQ369" s="211">
        <v>0.31807784905145792</v>
      </c>
      <c r="AR369" s="95">
        <v>1.2532736787576857E-2</v>
      </c>
      <c r="AS369" s="211">
        <v>0.18877033632633361</v>
      </c>
      <c r="AT369" s="95">
        <v>1.0534195164693208E-2</v>
      </c>
    </row>
    <row r="370" spans="1:46">
      <c r="A370" s="55" t="s">
        <v>570</v>
      </c>
      <c r="B370" s="204">
        <v>1764</v>
      </c>
      <c r="C370" s="210">
        <v>0.21752377010488022</v>
      </c>
      <c r="D370" s="92">
        <v>1.9644339023078966E-2</v>
      </c>
      <c r="E370" s="210">
        <v>0.1892833430965852</v>
      </c>
      <c r="F370" s="92">
        <v>1.8659337030889841E-2</v>
      </c>
      <c r="G370" s="210">
        <v>0.56763666551078562</v>
      </c>
      <c r="H370" s="92">
        <v>2.3564965470278032E-2</v>
      </c>
      <c r="I370" s="210">
        <v>2.5556221287748607E-2</v>
      </c>
      <c r="J370" s="92">
        <v>7.6579132251668406E-3</v>
      </c>
      <c r="K370" s="204">
        <v>1803</v>
      </c>
      <c r="L370" s="210">
        <v>0.41778690145875863</v>
      </c>
      <c r="M370" s="92">
        <v>2.3205770751029729E-2</v>
      </c>
      <c r="N370" s="210">
        <v>0.18795205134219689</v>
      </c>
      <c r="O370" s="92">
        <v>1.8406748906615207E-2</v>
      </c>
      <c r="P370" s="210">
        <v>0.35085855925834303</v>
      </c>
      <c r="Q370" s="92">
        <v>2.2458481510672906E-2</v>
      </c>
      <c r="R370" s="210">
        <v>4.3402487940703872E-2</v>
      </c>
      <c r="S370" s="92">
        <v>9.6926405922877143E-3</v>
      </c>
      <c r="T370" s="204">
        <v>1804</v>
      </c>
      <c r="U370" s="210">
        <v>0.44224553328224092</v>
      </c>
      <c r="V370" s="92">
        <v>2.3361300559141627E-2</v>
      </c>
      <c r="W370" s="210">
        <v>0.14551730694366266</v>
      </c>
      <c r="X370" s="92">
        <v>1.6622927313022368E-2</v>
      </c>
      <c r="Y370" s="210">
        <v>0.3275102907997654</v>
      </c>
      <c r="Z370" s="92">
        <v>2.2080845205970728E-2</v>
      </c>
      <c r="AA370" s="210">
        <v>8.4726868974333069E-2</v>
      </c>
      <c r="AB370" s="92">
        <v>1.3162567894605872E-2</v>
      </c>
      <c r="AC370" s="204">
        <v>1798</v>
      </c>
      <c r="AD370" s="210">
        <v>0.45162820470427634</v>
      </c>
      <c r="AE370" s="92">
        <v>2.3447134936445548E-2</v>
      </c>
      <c r="AF370" s="210">
        <v>0.16154594530982014</v>
      </c>
      <c r="AG370" s="92">
        <v>1.737213247917516E-2</v>
      </c>
      <c r="AH370" s="210">
        <v>0.31336984527652745</v>
      </c>
      <c r="AI370" s="92">
        <v>2.1862431631281452E-2</v>
      </c>
      <c r="AJ370" s="210">
        <v>7.3456004709377715E-2</v>
      </c>
      <c r="AK370" s="92">
        <v>1.2363981142829579E-2</v>
      </c>
      <c r="AL370" s="204">
        <v>1805</v>
      </c>
      <c r="AM370" s="210">
        <v>0.34723852831197666</v>
      </c>
      <c r="AN370" s="92">
        <v>2.2392400715160802E-2</v>
      </c>
      <c r="AO370" s="210">
        <v>0.17884915756708439</v>
      </c>
      <c r="AP370" s="92">
        <v>1.8048380536904374E-2</v>
      </c>
      <c r="AQ370" s="210">
        <v>0.34321547345711617</v>
      </c>
      <c r="AR370" s="92">
        <v>2.2331103036029271E-2</v>
      </c>
      <c r="AS370" s="210">
        <v>0.13069684066382542</v>
      </c>
      <c r="AT370" s="92">
        <v>1.589195476060154E-2</v>
      </c>
    </row>
    <row r="371" spans="1:46">
      <c r="A371" s="47" t="s">
        <v>571</v>
      </c>
      <c r="B371" s="207">
        <v>3741</v>
      </c>
      <c r="C371" s="211">
        <v>0.19522031860443814</v>
      </c>
      <c r="D371" s="95">
        <v>1.2962209471499371E-2</v>
      </c>
      <c r="E371" s="211">
        <v>0.17994618296098178</v>
      </c>
      <c r="F371" s="95">
        <v>1.2563717694733674E-2</v>
      </c>
      <c r="G371" s="211">
        <v>0.61342404717527932</v>
      </c>
      <c r="H371" s="95">
        <v>1.5915747895850103E-2</v>
      </c>
      <c r="I371" s="211">
        <v>1.1409451259302969E-2</v>
      </c>
      <c r="J371" s="95">
        <v>3.548474789579105E-3</v>
      </c>
      <c r="K371" s="207">
        <v>3799</v>
      </c>
      <c r="L371" s="211">
        <v>0.46224959558048018</v>
      </c>
      <c r="M371" s="95">
        <v>1.6169555939425415E-2</v>
      </c>
      <c r="N371" s="211">
        <v>0.20505856240725606</v>
      </c>
      <c r="O371" s="95">
        <v>1.3101374414449501E-2</v>
      </c>
      <c r="P371" s="211">
        <v>0.28663065129022924</v>
      </c>
      <c r="Q371" s="95">
        <v>1.4668543702925091E-2</v>
      </c>
      <c r="R371" s="211">
        <v>4.6061190722034046E-2</v>
      </c>
      <c r="S371" s="95">
        <v>6.831644264783423E-3</v>
      </c>
      <c r="T371" s="207">
        <v>3802</v>
      </c>
      <c r="U371" s="211">
        <v>0.47549786598638455</v>
      </c>
      <c r="V371" s="95">
        <v>1.6189916828470756E-2</v>
      </c>
      <c r="W371" s="211">
        <v>0.15772463377333482</v>
      </c>
      <c r="X371" s="95">
        <v>1.182699301124379E-2</v>
      </c>
      <c r="Y371" s="211">
        <v>0.27011090323396209</v>
      </c>
      <c r="Z371" s="95">
        <v>1.4398503398525662E-2</v>
      </c>
      <c r="AA371" s="211">
        <v>9.6666597006318383E-2</v>
      </c>
      <c r="AB371" s="95">
        <v>9.598559517659179E-3</v>
      </c>
      <c r="AC371" s="207">
        <v>3801</v>
      </c>
      <c r="AD371" s="211">
        <v>0.47057829546902641</v>
      </c>
      <c r="AE371" s="95">
        <v>1.6183448410777741E-2</v>
      </c>
      <c r="AF371" s="211">
        <v>0.1755468153480462</v>
      </c>
      <c r="AG371" s="95">
        <v>1.2344223850971392E-2</v>
      </c>
      <c r="AH371" s="211">
        <v>0.25749793021289441</v>
      </c>
      <c r="AI371" s="95">
        <v>1.4181712538728835E-2</v>
      </c>
      <c r="AJ371" s="211">
        <v>9.6376958970032969E-2</v>
      </c>
      <c r="AK371" s="95">
        <v>9.587046765430516E-3</v>
      </c>
      <c r="AL371" s="207">
        <v>3801</v>
      </c>
      <c r="AM371" s="211">
        <v>0.36223730239577151</v>
      </c>
      <c r="AN371" s="95">
        <v>1.5585340345300312E-2</v>
      </c>
      <c r="AO371" s="211">
        <v>0.19009571809209289</v>
      </c>
      <c r="AP371" s="95">
        <v>1.2730344106751104E-2</v>
      </c>
      <c r="AQ371" s="211">
        <v>0.28396952143973059</v>
      </c>
      <c r="AR371" s="95">
        <v>1.4623758054510001E-2</v>
      </c>
      <c r="AS371" s="211">
        <v>0.16369745807240585</v>
      </c>
      <c r="AT371" s="95">
        <v>1.2006930386851824E-2</v>
      </c>
    </row>
    <row r="372" spans="1:46">
      <c r="A372" s="55" t="s">
        <v>572</v>
      </c>
      <c r="B372" s="204">
        <v>4142</v>
      </c>
      <c r="C372" s="210">
        <v>0.17051382906803397</v>
      </c>
      <c r="D372" s="92">
        <v>1.1690172935886216E-2</v>
      </c>
      <c r="E372" s="210">
        <v>0.17734839193208873</v>
      </c>
      <c r="F372" s="92">
        <v>1.1872319574146297E-2</v>
      </c>
      <c r="G372" s="210">
        <v>0.63598013481729254</v>
      </c>
      <c r="H372" s="92">
        <v>1.4946279898853065E-2</v>
      </c>
      <c r="I372" s="210">
        <v>1.6157644182591864E-2</v>
      </c>
      <c r="J372" s="92">
        <v>3.9714460718926698E-3</v>
      </c>
      <c r="K372" s="204">
        <v>4151</v>
      </c>
      <c r="L372" s="210">
        <v>0.43024846934121397</v>
      </c>
      <c r="M372" s="92">
        <v>1.5362262889269666E-2</v>
      </c>
      <c r="N372" s="210">
        <v>0.21111753080028706</v>
      </c>
      <c r="O372" s="92">
        <v>1.2668409081445944E-2</v>
      </c>
      <c r="P372" s="210">
        <v>0.29001159792873987</v>
      </c>
      <c r="Q372" s="92">
        <v>1.4082094886331884E-2</v>
      </c>
      <c r="R372" s="210">
        <v>6.8622401929768484E-2</v>
      </c>
      <c r="S372" s="92">
        <v>7.8659946866109949E-3</v>
      </c>
      <c r="T372" s="204">
        <v>4160</v>
      </c>
      <c r="U372" s="210">
        <v>0.49806855004153905</v>
      </c>
      <c r="V372" s="92">
        <v>1.549677778365692E-2</v>
      </c>
      <c r="W372" s="210">
        <v>0.13073937459487639</v>
      </c>
      <c r="X372" s="92">
        <v>1.0460503038988937E-2</v>
      </c>
      <c r="Y372" s="210">
        <v>0.21145329886464315</v>
      </c>
      <c r="Z372" s="92">
        <v>1.2662040378300063E-2</v>
      </c>
      <c r="AA372" s="210">
        <v>0.15973877649895046</v>
      </c>
      <c r="AB372" s="92">
        <v>1.1364396113616622E-2</v>
      </c>
      <c r="AC372" s="204">
        <v>4165</v>
      </c>
      <c r="AD372" s="210">
        <v>0.45524116432754264</v>
      </c>
      <c r="AE372" s="92">
        <v>1.542553788576558E-2</v>
      </c>
      <c r="AF372" s="210">
        <v>0.16648213813560386</v>
      </c>
      <c r="AG372" s="92">
        <v>1.1547525395109245E-2</v>
      </c>
      <c r="AH372" s="210">
        <v>0.21183980619850579</v>
      </c>
      <c r="AI372" s="92">
        <v>1.2662869068145666E-2</v>
      </c>
      <c r="AJ372" s="210">
        <v>0.16643689133835632</v>
      </c>
      <c r="AK372" s="92">
        <v>1.1546273795762719E-2</v>
      </c>
      <c r="AL372" s="204">
        <v>4170</v>
      </c>
      <c r="AM372" s="210">
        <v>0.33468151577659505</v>
      </c>
      <c r="AN372" s="92">
        <v>1.4609504407785256E-2</v>
      </c>
      <c r="AO372" s="210">
        <v>0.17974656829206404</v>
      </c>
      <c r="AP372" s="92">
        <v>1.1894530069650912E-2</v>
      </c>
      <c r="AQ372" s="210">
        <v>0.22030046865376338</v>
      </c>
      <c r="AR372" s="92">
        <v>1.2835550532868134E-2</v>
      </c>
      <c r="AS372" s="210">
        <v>0.265271447277585</v>
      </c>
      <c r="AT372" s="92">
        <v>1.367036313482616E-2</v>
      </c>
    </row>
    <row r="373" spans="1:46">
      <c r="A373" s="47" t="s">
        <v>573</v>
      </c>
      <c r="B373" s="207">
        <v>3966</v>
      </c>
      <c r="C373" s="211">
        <v>0.10123184062036138</v>
      </c>
      <c r="D373" s="95">
        <v>9.5913599339187746E-3</v>
      </c>
      <c r="E373" s="211">
        <v>0.12347331869003005</v>
      </c>
      <c r="F373" s="95">
        <v>1.0456251751093226E-2</v>
      </c>
      <c r="G373" s="211">
        <v>0.76187671107257404</v>
      </c>
      <c r="H373" s="95">
        <v>1.3525187395072353E-2</v>
      </c>
      <c r="I373" s="211">
        <v>1.3418129617032254E-2</v>
      </c>
      <c r="J373" s="95">
        <v>3.7173356781305669E-3</v>
      </c>
      <c r="K373" s="207">
        <v>3962</v>
      </c>
      <c r="L373" s="211">
        <v>0.38678223768338599</v>
      </c>
      <c r="M373" s="95">
        <v>1.5467421607171315E-2</v>
      </c>
      <c r="N373" s="211">
        <v>0.17624467951547629</v>
      </c>
      <c r="O373" s="95">
        <v>1.2109511147700182E-2</v>
      </c>
      <c r="P373" s="211">
        <v>0.35981622598035484</v>
      </c>
      <c r="Q373" s="95">
        <v>1.5243464723436038E-2</v>
      </c>
      <c r="R373" s="211">
        <v>7.7156856820776942E-2</v>
      </c>
      <c r="S373" s="95">
        <v>8.4957438030643772E-3</v>
      </c>
      <c r="T373" s="207">
        <v>3987</v>
      </c>
      <c r="U373" s="211">
        <v>0.425388796055856</v>
      </c>
      <c r="V373" s="95">
        <v>1.5652334057194656E-2</v>
      </c>
      <c r="W373" s="211">
        <v>0.12656244024741645</v>
      </c>
      <c r="X373" s="95">
        <v>1.053915105235115E-2</v>
      </c>
      <c r="Y373" s="211">
        <v>0.24263042946724991</v>
      </c>
      <c r="Z373" s="95">
        <v>1.3576019602923995E-2</v>
      </c>
      <c r="AA373" s="211">
        <v>0.20541833422947137</v>
      </c>
      <c r="AB373" s="95">
        <v>1.2797029813892229E-2</v>
      </c>
      <c r="AC373" s="207">
        <v>3981</v>
      </c>
      <c r="AD373" s="211">
        <v>0.37658404207173363</v>
      </c>
      <c r="AE373" s="95">
        <v>1.5351966467685576E-2</v>
      </c>
      <c r="AF373" s="211">
        <v>0.1605915411845007</v>
      </c>
      <c r="AG373" s="95">
        <v>1.1642221670695594E-2</v>
      </c>
      <c r="AH373" s="211">
        <v>0.25416706572607833</v>
      </c>
      <c r="AI373" s="95">
        <v>1.3798602666317179E-2</v>
      </c>
      <c r="AJ373" s="211">
        <v>0.20865735101768185</v>
      </c>
      <c r="AK373" s="95">
        <v>1.2880681085889313E-2</v>
      </c>
      <c r="AL373" s="207">
        <v>3976</v>
      </c>
      <c r="AM373" s="211">
        <v>0.25887289821149861</v>
      </c>
      <c r="AN373" s="95">
        <v>1.3890256552468762E-2</v>
      </c>
      <c r="AO373" s="211">
        <v>0.1602934234265305</v>
      </c>
      <c r="AP373" s="95">
        <v>1.1640826016314582E-2</v>
      </c>
      <c r="AQ373" s="211">
        <v>0.29045193647143835</v>
      </c>
      <c r="AR373" s="95">
        <v>1.4394926060678478E-2</v>
      </c>
      <c r="AS373" s="211">
        <v>0.2903817418905284</v>
      </c>
      <c r="AT373" s="95">
        <v>1.4393900952913019E-2</v>
      </c>
    </row>
    <row r="374" spans="1:46">
      <c r="A374" s="55" t="s">
        <v>579</v>
      </c>
      <c r="B374" s="204">
        <v>9602</v>
      </c>
      <c r="C374" s="210">
        <v>0.18299732658111817</v>
      </c>
      <c r="D374" s="92">
        <v>7.8924948618828723E-3</v>
      </c>
      <c r="E374" s="210">
        <v>0.18004973332883087</v>
      </c>
      <c r="F374" s="92">
        <v>7.8428522962067614E-3</v>
      </c>
      <c r="G374" s="210">
        <v>0.62146914775301221</v>
      </c>
      <c r="H374" s="92">
        <v>9.8976130838213695E-3</v>
      </c>
      <c r="I374" s="210">
        <v>1.5483792337059953E-2</v>
      </c>
      <c r="J374" s="92">
        <v>2.5355692909158033E-3</v>
      </c>
      <c r="K374" s="204">
        <v>9602</v>
      </c>
      <c r="L374" s="210">
        <v>0.45063693014980671</v>
      </c>
      <c r="M374" s="92">
        <v>1.0153215512013952E-2</v>
      </c>
      <c r="N374" s="210">
        <v>0.19301279302153226</v>
      </c>
      <c r="O374" s="92">
        <v>8.0555360403516737E-3</v>
      </c>
      <c r="P374" s="210">
        <v>0.30088119041586942</v>
      </c>
      <c r="Q374" s="92">
        <v>9.3597832972815223E-3</v>
      </c>
      <c r="R374" s="210">
        <v>5.5469086412816108E-2</v>
      </c>
      <c r="S374" s="92">
        <v>4.6781395594838425E-3</v>
      </c>
      <c r="T374" s="204">
        <v>9625</v>
      </c>
      <c r="U374" s="210">
        <v>0.49606995580221491</v>
      </c>
      <c r="V374" s="92">
        <v>1.019051193134447E-2</v>
      </c>
      <c r="W374" s="210">
        <v>0.13420797422055855</v>
      </c>
      <c r="X374" s="92">
        <v>6.9509307294730203E-3</v>
      </c>
      <c r="Y374" s="210">
        <v>0.24059947736630075</v>
      </c>
      <c r="Z374" s="92">
        <v>8.7134191431661664E-3</v>
      </c>
      <c r="AA374" s="210">
        <v>0.12912259261095071</v>
      </c>
      <c r="AB374" s="92">
        <v>6.838164689687818E-3</v>
      </c>
      <c r="AC374" s="204">
        <v>9622</v>
      </c>
      <c r="AD374" s="210">
        <v>0.46547385680351383</v>
      </c>
      <c r="AE374" s="92">
        <v>1.0168105741573966E-2</v>
      </c>
      <c r="AF374" s="210">
        <v>0.16576969763647195</v>
      </c>
      <c r="AG374" s="92">
        <v>7.5831268574160044E-3</v>
      </c>
      <c r="AH374" s="210">
        <v>0.23880802535692325</v>
      </c>
      <c r="AI374" s="92">
        <v>8.6925326497526764E-3</v>
      </c>
      <c r="AJ374" s="210">
        <v>0.12994842020311351</v>
      </c>
      <c r="AK374" s="92">
        <v>6.857779104404332E-3</v>
      </c>
      <c r="AL374" s="204">
        <v>9634</v>
      </c>
      <c r="AM374" s="210">
        <v>0.34930725951155039</v>
      </c>
      <c r="AN374" s="92">
        <v>9.7128420076736596E-3</v>
      </c>
      <c r="AO374" s="210">
        <v>0.18002520017830559</v>
      </c>
      <c r="AP374" s="92">
        <v>7.8293983458545564E-3</v>
      </c>
      <c r="AQ374" s="210">
        <v>0.25633109734069931</v>
      </c>
      <c r="AR374" s="92">
        <v>8.8957611853403493E-3</v>
      </c>
      <c r="AS374" s="210">
        <v>0.21433644296946866</v>
      </c>
      <c r="AT374" s="92">
        <v>8.3616148098203755E-3</v>
      </c>
    </row>
    <row r="375" spans="1:46">
      <c r="A375" s="47" t="s">
        <v>585</v>
      </c>
      <c r="B375" s="207">
        <v>1545</v>
      </c>
      <c r="C375" s="211">
        <v>0.1666049468696448</v>
      </c>
      <c r="D375" s="95">
        <v>1.8974418359972645E-2</v>
      </c>
      <c r="E375" s="211">
        <v>0.14111990898750926</v>
      </c>
      <c r="F375" s="95">
        <v>1.7739918516324425E-2</v>
      </c>
      <c r="G375" s="211">
        <v>0.67843370065990494</v>
      </c>
      <c r="H375" s="95">
        <v>2.3744151476069283E-2</v>
      </c>
      <c r="I375" s="211">
        <v>1.3841443482942264E-2</v>
      </c>
      <c r="J375" s="95">
        <v>6.1964693684121606E-3</v>
      </c>
      <c r="K375" s="207">
        <v>1542</v>
      </c>
      <c r="L375" s="211">
        <v>0.38026532386037898</v>
      </c>
      <c r="M375" s="95">
        <v>2.469674793526206E-2</v>
      </c>
      <c r="N375" s="211">
        <v>0.20457140434219476</v>
      </c>
      <c r="O375" s="95">
        <v>2.054704591209297E-2</v>
      </c>
      <c r="P375" s="211">
        <v>0.34651498309476592</v>
      </c>
      <c r="Q375" s="95">
        <v>2.4211449631540708E-2</v>
      </c>
      <c r="R375" s="211">
        <v>6.8648288702663693E-2</v>
      </c>
      <c r="S375" s="95">
        <v>1.295801481244371E-2</v>
      </c>
      <c r="T375" s="207">
        <v>1545</v>
      </c>
      <c r="U375" s="211">
        <v>0.39956647308285292</v>
      </c>
      <c r="V375" s="95">
        <v>2.4893064227170657E-2</v>
      </c>
      <c r="W375" s="211">
        <v>0.15347092406656601</v>
      </c>
      <c r="X375" s="95">
        <v>1.835993188587946E-2</v>
      </c>
      <c r="Y375" s="211">
        <v>0.2842770375112158</v>
      </c>
      <c r="Z375" s="95">
        <v>2.2935260504953439E-2</v>
      </c>
      <c r="AA375" s="211">
        <v>0.16268556533936782</v>
      </c>
      <c r="AB375" s="95">
        <v>1.8795618452775071E-2</v>
      </c>
      <c r="AC375" s="207">
        <v>1545</v>
      </c>
      <c r="AD375" s="211">
        <v>0.38380700811415691</v>
      </c>
      <c r="AE375" s="95">
        <v>2.4716276407129544E-2</v>
      </c>
      <c r="AF375" s="211">
        <v>0.17252322787203411</v>
      </c>
      <c r="AG375" s="95">
        <v>1.9237371369200337E-2</v>
      </c>
      <c r="AH375" s="211">
        <v>0.27602887654463176</v>
      </c>
      <c r="AI375" s="95">
        <v>2.2731240515635964E-2</v>
      </c>
      <c r="AJ375" s="211">
        <v>0.16764088746917966</v>
      </c>
      <c r="AK375" s="95">
        <v>1.9021049888450176E-2</v>
      </c>
      <c r="AL375" s="207">
        <v>1541</v>
      </c>
      <c r="AM375" s="211">
        <v>0.26634355235175072</v>
      </c>
      <c r="AN375" s="95">
        <v>2.2508509304647036E-2</v>
      </c>
      <c r="AO375" s="211">
        <v>0.17011750416890931</v>
      </c>
      <c r="AP375" s="95">
        <v>1.9156334618875129E-2</v>
      </c>
      <c r="AQ375" s="211">
        <v>0.32669448053941658</v>
      </c>
      <c r="AR375" s="95">
        <v>2.3872396247048309E-2</v>
      </c>
      <c r="AS375" s="211">
        <v>0.23684446293992567</v>
      </c>
      <c r="AT375" s="95">
        <v>2.1653779359776557E-2</v>
      </c>
    </row>
    <row r="376" spans="1:46">
      <c r="A376" s="55" t="s">
        <v>586</v>
      </c>
      <c r="B376" s="204">
        <v>905</v>
      </c>
      <c r="C376" s="210">
        <v>0.14004932849853177</v>
      </c>
      <c r="D376" s="92">
        <v>2.3129547318578112E-2</v>
      </c>
      <c r="E376" s="210">
        <v>0.12668855238636714</v>
      </c>
      <c r="F376" s="92">
        <v>2.2186564463176035E-2</v>
      </c>
      <c r="G376" s="210">
        <v>0.71484667330227836</v>
      </c>
      <c r="H376" s="92">
        <v>2.997954959696399E-2</v>
      </c>
      <c r="I376" s="210">
        <v>1.8415445812824126E-2</v>
      </c>
      <c r="J376" s="92">
        <v>9.4077557943605065E-3</v>
      </c>
      <c r="K376" s="204">
        <v>905</v>
      </c>
      <c r="L376" s="210">
        <v>0.42100909405300357</v>
      </c>
      <c r="M376" s="92">
        <v>3.2755065252330524E-2</v>
      </c>
      <c r="N376" s="210">
        <v>0.18704688163673566</v>
      </c>
      <c r="O376" s="92">
        <v>2.5940645152554995E-2</v>
      </c>
      <c r="P376" s="210">
        <v>0.34192679843805812</v>
      </c>
      <c r="Q376" s="92">
        <v>3.1482077105321034E-2</v>
      </c>
      <c r="R376" s="210">
        <v>5.00172258722026E-2</v>
      </c>
      <c r="S376" s="92">
        <v>1.4727988200872179E-2</v>
      </c>
      <c r="T376" s="204">
        <v>910</v>
      </c>
      <c r="U376" s="210">
        <v>0.37851228995584113</v>
      </c>
      <c r="V376" s="92">
        <v>3.2094611063726179E-2</v>
      </c>
      <c r="W376" s="210">
        <v>0.16561864207031171</v>
      </c>
      <c r="X376" s="92">
        <v>2.467873375905516E-2</v>
      </c>
      <c r="Y376" s="210">
        <v>0.34118337448484121</v>
      </c>
      <c r="Z376" s="92">
        <v>3.1379484592300874E-2</v>
      </c>
      <c r="AA376" s="210">
        <v>0.11468569348900597</v>
      </c>
      <c r="AB376" s="92">
        <v>2.1213671226068171E-2</v>
      </c>
      <c r="AC376" s="204">
        <v>905</v>
      </c>
      <c r="AD376" s="210">
        <v>0.39972913197786575</v>
      </c>
      <c r="AE376" s="92">
        <v>3.2500083409145605E-2</v>
      </c>
      <c r="AF376" s="210">
        <v>0.17522875432352361</v>
      </c>
      <c r="AG376" s="92">
        <v>2.5299080575279572E-2</v>
      </c>
      <c r="AH376" s="210">
        <v>0.3204367665843692</v>
      </c>
      <c r="AI376" s="92">
        <v>3.097535748161967E-2</v>
      </c>
      <c r="AJ376" s="210">
        <v>0.10460534711424158</v>
      </c>
      <c r="AK376" s="92">
        <v>2.0449938204780714E-2</v>
      </c>
      <c r="AL376" s="204">
        <v>907</v>
      </c>
      <c r="AM376" s="210">
        <v>0.30391116793368966</v>
      </c>
      <c r="AN376" s="92">
        <v>3.0501558281602448E-2</v>
      </c>
      <c r="AO376" s="210">
        <v>0.18966897183495809</v>
      </c>
      <c r="AP376" s="92">
        <v>2.6048886519933194E-2</v>
      </c>
      <c r="AQ376" s="210">
        <v>0.35758526104691518</v>
      </c>
      <c r="AR376" s="92">
        <v>3.1771395174636105E-2</v>
      </c>
      <c r="AS376" s="210">
        <v>0.14883459918443703</v>
      </c>
      <c r="AT376" s="92">
        <v>2.3685035412431034E-2</v>
      </c>
    </row>
    <row r="377" spans="1:46">
      <c r="A377" s="47" t="s">
        <v>584</v>
      </c>
      <c r="B377" s="207">
        <v>299</v>
      </c>
      <c r="C377" s="211">
        <v>0.21497244004062213</v>
      </c>
      <c r="D377" s="95">
        <v>4.7497104457870046E-2</v>
      </c>
      <c r="E377" s="211">
        <v>0.15771238503727422</v>
      </c>
      <c r="F377" s="95">
        <v>4.235822794674507E-2</v>
      </c>
      <c r="G377" s="211">
        <v>0.60308973242726527</v>
      </c>
      <c r="H377" s="95">
        <v>5.6246891966774785E-2</v>
      </c>
      <c r="I377" s="211">
        <v>2.4225442494838701E-2</v>
      </c>
      <c r="J377" s="95">
        <v>1.975949810309157E-2</v>
      </c>
      <c r="K377" s="207">
        <v>305</v>
      </c>
      <c r="L377" s="211">
        <v>0.56707836072869033</v>
      </c>
      <c r="M377" s="95">
        <v>5.6387038792211734E-2</v>
      </c>
      <c r="N377" s="211">
        <v>0.13652071829696485</v>
      </c>
      <c r="O377" s="95">
        <v>3.9623010260690643E-2</v>
      </c>
      <c r="P377" s="211">
        <v>0.2713772131473049</v>
      </c>
      <c r="Q377" s="95">
        <v>5.0764522588105619E-2</v>
      </c>
      <c r="R377" s="211">
        <v>2.5023707827039839E-2</v>
      </c>
      <c r="S377" s="95">
        <v>1.977234770583125E-2</v>
      </c>
      <c r="T377" s="207">
        <v>305</v>
      </c>
      <c r="U377" s="211">
        <v>0.59692842035281579</v>
      </c>
      <c r="V377" s="95">
        <v>5.5836857401039899E-2</v>
      </c>
      <c r="W377" s="211">
        <v>0.10146593122979708</v>
      </c>
      <c r="X377" s="95">
        <v>3.5115356583327553E-2</v>
      </c>
      <c r="Y377" s="211">
        <v>0.25073783015389706</v>
      </c>
      <c r="Z377" s="95">
        <v>4.9524149252484537E-2</v>
      </c>
      <c r="AA377" s="211">
        <v>5.0867818263489857E-2</v>
      </c>
      <c r="AB377" s="95">
        <v>2.63088446782389E-2</v>
      </c>
      <c r="AC377" s="207">
        <v>305</v>
      </c>
      <c r="AD377" s="211">
        <v>0.59639214804159424</v>
      </c>
      <c r="AE377" s="95">
        <v>5.5848564550958851E-2</v>
      </c>
      <c r="AF377" s="211">
        <v>8.525263440450169E-2</v>
      </c>
      <c r="AG377" s="95">
        <v>3.2661700345788108E-2</v>
      </c>
      <c r="AH377" s="211">
        <v>0.27258540555057753</v>
      </c>
      <c r="AI377" s="95">
        <v>5.0832919737313652E-2</v>
      </c>
      <c r="AJ377" s="211">
        <v>4.5769812003326388E-2</v>
      </c>
      <c r="AK377" s="95">
        <v>2.5180798948222591E-2</v>
      </c>
      <c r="AL377" s="207">
        <v>308</v>
      </c>
      <c r="AM377" s="211">
        <v>0.50669519556240117</v>
      </c>
      <c r="AN377" s="95">
        <v>5.6608905293369531E-2</v>
      </c>
      <c r="AO377" s="211">
        <v>0.1234347639098147</v>
      </c>
      <c r="AP377" s="95">
        <v>3.7861293483593503E-2</v>
      </c>
      <c r="AQ377" s="211">
        <v>0.24272728431017437</v>
      </c>
      <c r="AR377" s="95">
        <v>4.8766454263473535E-2</v>
      </c>
      <c r="AS377" s="211">
        <v>0.12714275621760984</v>
      </c>
      <c r="AT377" s="95">
        <v>3.8317048718423861E-2</v>
      </c>
    </row>
    <row r="378" spans="1:46">
      <c r="A378" s="55" t="s">
        <v>587</v>
      </c>
      <c r="B378" s="204">
        <v>13012</v>
      </c>
      <c r="C378" s="210">
        <v>0.17449364221045766</v>
      </c>
      <c r="D378" s="92">
        <v>6.654866919255752E-3</v>
      </c>
      <c r="E378" s="210">
        <v>0.16780141821696123</v>
      </c>
      <c r="F378" s="92">
        <v>6.5525139725835652E-3</v>
      </c>
      <c r="G378" s="210">
        <v>0.64292182732421121</v>
      </c>
      <c r="H378" s="92">
        <v>8.3997011708650503E-3</v>
      </c>
      <c r="I378" s="210">
        <v>1.4783112248386038E-2</v>
      </c>
      <c r="J378" s="92">
        <v>2.1261140719897906E-3</v>
      </c>
      <c r="K378" s="204">
        <v>12994</v>
      </c>
      <c r="L378" s="210">
        <v>0.43374140696475166</v>
      </c>
      <c r="M378" s="92">
        <v>8.6939464857215959E-3</v>
      </c>
      <c r="N378" s="210">
        <v>0.19471644983373257</v>
      </c>
      <c r="O378" s="92">
        <v>6.9477930653045377E-3</v>
      </c>
      <c r="P378" s="210">
        <v>0.31429316175972316</v>
      </c>
      <c r="Q378" s="92">
        <v>8.1442260288010476E-3</v>
      </c>
      <c r="R378" s="210">
        <v>5.7248981441813875E-2</v>
      </c>
      <c r="S378" s="92">
        <v>4.0799883716493178E-3</v>
      </c>
      <c r="T378" s="204">
        <v>13031</v>
      </c>
      <c r="U378" s="210">
        <v>0.46579246474724995</v>
      </c>
      <c r="V378" s="92">
        <v>8.738287685753297E-3</v>
      </c>
      <c r="W378" s="210">
        <v>0.14098596808466682</v>
      </c>
      <c r="X378" s="92">
        <v>6.0982372738155382E-3</v>
      </c>
      <c r="Y378" s="210">
        <v>0.25939393533400845</v>
      </c>
      <c r="Z378" s="92">
        <v>7.6787082954213499E-3</v>
      </c>
      <c r="AA378" s="210">
        <v>0.13382763183409624</v>
      </c>
      <c r="AB378" s="92">
        <v>5.9662797432264089E-3</v>
      </c>
      <c r="AC378" s="204">
        <v>13022</v>
      </c>
      <c r="AD378" s="210">
        <v>0.44207440447582941</v>
      </c>
      <c r="AE378" s="92">
        <v>8.7028620763015159E-3</v>
      </c>
      <c r="AF378" s="210">
        <v>0.16901668450988222</v>
      </c>
      <c r="AG378" s="92">
        <v>6.5688505410366983E-3</v>
      </c>
      <c r="AH378" s="210">
        <v>0.25490295264740281</v>
      </c>
      <c r="AI378" s="92">
        <v>7.6376628593315572E-3</v>
      </c>
      <c r="AJ378" s="210">
        <v>0.13400595836690679</v>
      </c>
      <c r="AK378" s="92">
        <v>5.9716978249062681E-3</v>
      </c>
      <c r="AL378" s="204">
        <v>13025</v>
      </c>
      <c r="AM378" s="210">
        <v>0.32703394511368183</v>
      </c>
      <c r="AN378" s="92">
        <v>8.2202603131302215E-3</v>
      </c>
      <c r="AO378" s="210">
        <v>0.18126650182217344</v>
      </c>
      <c r="AP378" s="92">
        <v>6.7514296584981134E-3</v>
      </c>
      <c r="AQ378" s="210">
        <v>0.28064947419484976</v>
      </c>
      <c r="AR378" s="92">
        <v>7.8733330338807174E-3</v>
      </c>
      <c r="AS378" s="210">
        <v>0.21105007886931693</v>
      </c>
      <c r="AT378" s="92">
        <v>7.1508681010273648E-3</v>
      </c>
    </row>
    <row r="380" spans="1:46" ht="18.75">
      <c r="A380" s="337" t="s">
        <v>16</v>
      </c>
      <c r="B380" s="337"/>
      <c r="C380" s="337"/>
      <c r="D380" s="337"/>
    </row>
    <row r="381" spans="1:46" ht="94.5" customHeight="1">
      <c r="A381" s="406" t="s">
        <v>431</v>
      </c>
      <c r="B381" s="406"/>
      <c r="C381" s="406"/>
      <c r="D381" s="406"/>
    </row>
    <row r="382" spans="1:46" ht="38.25" customHeight="1">
      <c r="A382" s="389" t="s">
        <v>146</v>
      </c>
      <c r="B382" s="389"/>
      <c r="C382" s="389"/>
      <c r="D382" s="389"/>
    </row>
    <row r="383" spans="1:46" ht="40.5" customHeight="1">
      <c r="A383" s="35" t="s">
        <v>70</v>
      </c>
      <c r="B383" s="36" t="s">
        <v>71</v>
      </c>
      <c r="C383" s="37" t="s">
        <v>551</v>
      </c>
      <c r="D383" s="38" t="s">
        <v>72</v>
      </c>
    </row>
    <row r="384" spans="1:46" ht="72">
      <c r="A384" s="39"/>
      <c r="B384" s="40" t="s">
        <v>73</v>
      </c>
      <c r="C384" s="126" t="s">
        <v>147</v>
      </c>
      <c r="D384" s="42" t="s">
        <v>75</v>
      </c>
    </row>
    <row r="385" spans="1:4">
      <c r="A385" s="43" t="s">
        <v>348</v>
      </c>
      <c r="B385" s="212">
        <v>13959</v>
      </c>
      <c r="C385" s="82">
        <v>5.6012533169521053</v>
      </c>
      <c r="D385" s="83">
        <v>1.9371258520782125E-2</v>
      </c>
    </row>
    <row r="386" spans="1:4">
      <c r="A386" s="47" t="s">
        <v>349</v>
      </c>
      <c r="B386" s="47">
        <v>10157</v>
      </c>
      <c r="C386" s="214">
        <v>5.7669028938476252</v>
      </c>
      <c r="D386" s="215">
        <v>2.1718988611070283E-2</v>
      </c>
    </row>
    <row r="387" spans="1:4">
      <c r="A387" s="43" t="s">
        <v>350</v>
      </c>
      <c r="B387" s="51">
        <v>3802</v>
      </c>
      <c r="C387" s="82">
        <v>5.4704374696305491</v>
      </c>
      <c r="D387" s="83">
        <v>4.0200710211838943E-2</v>
      </c>
    </row>
    <row r="388" spans="1:4">
      <c r="A388" s="47" t="s">
        <v>574</v>
      </c>
      <c r="B388" s="47">
        <v>5052</v>
      </c>
      <c r="C388" s="214">
        <v>5.523630224391483</v>
      </c>
      <c r="D388" s="215">
        <v>3.4304688995890974E-2</v>
      </c>
    </row>
    <row r="389" spans="1:4">
      <c r="A389" s="43" t="s">
        <v>575</v>
      </c>
      <c r="B389" s="51">
        <v>5116</v>
      </c>
      <c r="C389" s="82">
        <v>5.8774783327286597</v>
      </c>
      <c r="D389" s="83">
        <v>2.9399688238154253E-2</v>
      </c>
    </row>
    <row r="390" spans="1:4">
      <c r="A390" s="47" t="s">
        <v>576</v>
      </c>
      <c r="B390" s="47">
        <v>3111</v>
      </c>
      <c r="C390" s="214">
        <v>5.6444403031153412</v>
      </c>
      <c r="D390" s="215">
        <v>3.8958842653922694E-2</v>
      </c>
    </row>
    <row r="391" spans="1:4">
      <c r="A391" s="43" t="s">
        <v>577</v>
      </c>
      <c r="B391" s="51">
        <v>411</v>
      </c>
      <c r="C391" s="82">
        <v>5.368681601420632</v>
      </c>
      <c r="D391" s="83">
        <v>0.12515069457093503</v>
      </c>
    </row>
    <row r="392" spans="1:4">
      <c r="A392" s="47" t="s">
        <v>578</v>
      </c>
      <c r="B392" s="47">
        <v>142</v>
      </c>
      <c r="C392" s="214">
        <v>5.3860362642064246</v>
      </c>
      <c r="D392" s="215">
        <v>0.20232707461568381</v>
      </c>
    </row>
    <row r="393" spans="1:4">
      <c r="A393" s="43" t="s">
        <v>581</v>
      </c>
      <c r="B393" s="51">
        <v>9805</v>
      </c>
      <c r="C393" s="82">
        <v>5.5885319816493908</v>
      </c>
      <c r="D393" s="83">
        <v>2.3322984444975471E-2</v>
      </c>
    </row>
    <row r="394" spans="1:4">
      <c r="A394" s="47" t="s">
        <v>580</v>
      </c>
      <c r="B394" s="47">
        <v>4008</v>
      </c>
      <c r="C394" s="214">
        <v>5.7344600954262708</v>
      </c>
      <c r="D394" s="215">
        <v>3.5027045629943403E-2</v>
      </c>
    </row>
    <row r="395" spans="1:4">
      <c r="A395" s="43" t="s">
        <v>583</v>
      </c>
      <c r="B395" s="212">
        <v>918</v>
      </c>
      <c r="C395" s="82">
        <v>5.6512885867058689</v>
      </c>
      <c r="D395" s="83">
        <v>7.7103150710319521E-2</v>
      </c>
    </row>
    <row r="396" spans="1:4">
      <c r="A396" s="47" t="s">
        <v>582</v>
      </c>
      <c r="B396" s="213">
        <v>3090</v>
      </c>
      <c r="C396" s="214">
        <v>5.7643826451457203</v>
      </c>
      <c r="D396" s="215">
        <v>3.9188540732306286E-2</v>
      </c>
    </row>
    <row r="397" spans="1:4">
      <c r="A397" s="43" t="s">
        <v>568</v>
      </c>
      <c r="B397" s="81">
        <v>8308</v>
      </c>
      <c r="C397" s="82">
        <v>5.6216187896330849</v>
      </c>
      <c r="D397" s="83">
        <v>2.5677940183074566E-2</v>
      </c>
    </row>
    <row r="398" spans="1:4">
      <c r="A398" s="47" t="s">
        <v>569</v>
      </c>
      <c r="B398" s="213">
        <v>5516</v>
      </c>
      <c r="C398" s="214">
        <v>5.5833191664802273</v>
      </c>
      <c r="D398" s="215">
        <v>2.9712038376057036E-2</v>
      </c>
    </row>
    <row r="399" spans="1:4">
      <c r="A399" s="55" t="s">
        <v>570</v>
      </c>
      <c r="B399" s="212">
        <v>1800</v>
      </c>
      <c r="C399" s="82">
        <v>5.2538891533574423</v>
      </c>
      <c r="D399" s="83">
        <v>6.0565510797325396E-2</v>
      </c>
    </row>
    <row r="400" spans="1:4">
      <c r="A400" s="47" t="s">
        <v>571</v>
      </c>
      <c r="B400" s="213">
        <v>3797</v>
      </c>
      <c r="C400" s="214">
        <v>5.4887457396150632</v>
      </c>
      <c r="D400" s="215">
        <v>3.7699255317347184E-2</v>
      </c>
    </row>
    <row r="401" spans="1:38">
      <c r="A401" s="55" t="s">
        <v>572</v>
      </c>
      <c r="B401" s="212">
        <v>4158</v>
      </c>
      <c r="C401" s="82">
        <v>5.7108317077879942</v>
      </c>
      <c r="D401" s="83">
        <v>3.4533005053282342E-2</v>
      </c>
    </row>
    <row r="402" spans="1:38">
      <c r="A402" s="47" t="s">
        <v>573</v>
      </c>
      <c r="B402" s="213">
        <v>4000</v>
      </c>
      <c r="C402" s="214">
        <v>6.0323560640211564</v>
      </c>
      <c r="D402" s="215">
        <v>3.1353670074304063E-2</v>
      </c>
    </row>
    <row r="403" spans="1:38">
      <c r="A403" s="55" t="s">
        <v>579</v>
      </c>
      <c r="B403" s="212">
        <v>9597</v>
      </c>
      <c r="C403" s="82">
        <v>5.6183866837856637</v>
      </c>
      <c r="D403" s="83">
        <v>2.3343300462771648E-2</v>
      </c>
    </row>
    <row r="404" spans="1:38">
      <c r="A404" s="47" t="s">
        <v>585</v>
      </c>
      <c r="B404" s="213">
        <v>1536</v>
      </c>
      <c r="C404" s="214">
        <v>5.703939412856351</v>
      </c>
      <c r="D404" s="215">
        <v>5.8195967670150651E-2</v>
      </c>
    </row>
    <row r="405" spans="1:38">
      <c r="A405" s="55" t="s">
        <v>586</v>
      </c>
      <c r="B405" s="212">
        <v>905</v>
      </c>
      <c r="C405" s="82">
        <v>5.5383745510404436</v>
      </c>
      <c r="D405" s="83">
        <v>7.6543481105574171E-2</v>
      </c>
    </row>
    <row r="406" spans="1:38">
      <c r="A406" s="47" t="s">
        <v>584</v>
      </c>
      <c r="B406" s="213">
        <v>301</v>
      </c>
      <c r="C406" s="214">
        <v>5.4004723260379039</v>
      </c>
      <c r="D406" s="215">
        <v>0.15810849976663374</v>
      </c>
    </row>
    <row r="407" spans="1:38">
      <c r="A407" s="55" t="s">
        <v>587</v>
      </c>
      <c r="B407" s="212">
        <v>12996</v>
      </c>
      <c r="C407" s="82">
        <v>5.627795263622283</v>
      </c>
      <c r="D407" s="83">
        <v>1.978137088584999E-2</v>
      </c>
    </row>
    <row r="408" spans="1:38">
      <c r="P408" s="248"/>
      <c r="Q408" s="248"/>
      <c r="R408" s="248"/>
      <c r="S408" s="248"/>
      <c r="T408" s="248"/>
      <c r="U408" s="248"/>
      <c r="V408" s="248"/>
      <c r="W408" s="248"/>
      <c r="X408" s="248"/>
      <c r="Y408" s="248"/>
      <c r="Z408" s="248"/>
      <c r="AA408" s="248"/>
      <c r="AB408" s="248"/>
      <c r="AC408" s="248"/>
      <c r="AD408" s="248"/>
      <c r="AE408" s="248"/>
      <c r="AF408" s="248"/>
      <c r="AG408" s="248"/>
      <c r="AH408" s="248"/>
    </row>
    <row r="409" spans="1:38" ht="18.75">
      <c r="A409" s="337" t="s">
        <v>51</v>
      </c>
      <c r="B409" s="337"/>
      <c r="C409" s="337"/>
      <c r="D409" s="337"/>
      <c r="E409" s="337"/>
      <c r="F409" s="337"/>
      <c r="G409" s="337"/>
      <c r="H409" s="337"/>
      <c r="I409" s="337"/>
      <c r="J409" s="337"/>
      <c r="K409" s="337"/>
      <c r="L409" s="337"/>
      <c r="M409" s="337"/>
      <c r="N409" s="337"/>
      <c r="O409" s="337"/>
      <c r="P409" s="337"/>
      <c r="Q409" s="337"/>
      <c r="R409" s="337"/>
      <c r="S409" s="337"/>
      <c r="T409" s="337"/>
      <c r="U409" s="337"/>
      <c r="V409" s="337"/>
      <c r="W409" s="337"/>
      <c r="X409" s="337"/>
      <c r="Y409" s="337"/>
      <c r="Z409" s="337"/>
      <c r="AA409" s="337"/>
      <c r="AB409" s="337"/>
      <c r="AC409" s="248"/>
      <c r="AD409" s="248"/>
      <c r="AE409" s="248"/>
      <c r="AF409" s="248"/>
      <c r="AG409" s="248"/>
      <c r="AH409" s="248"/>
    </row>
    <row r="410" spans="1:38" ht="63" customHeight="1">
      <c r="A410" s="405" t="s">
        <v>564</v>
      </c>
      <c r="B410" s="405"/>
      <c r="C410" s="405"/>
      <c r="D410" s="405"/>
      <c r="E410" s="405"/>
      <c r="F410" s="405"/>
      <c r="G410" s="405"/>
      <c r="H410" s="405"/>
      <c r="I410" s="405"/>
      <c r="J410" s="405"/>
      <c r="K410" s="405"/>
      <c r="L410" s="405"/>
      <c r="M410" s="405"/>
      <c r="N410" s="405"/>
      <c r="O410" s="405"/>
      <c r="P410" s="405"/>
      <c r="Q410" s="405"/>
      <c r="R410" s="405"/>
      <c r="S410" s="405"/>
      <c r="T410" s="405"/>
      <c r="U410" s="405"/>
      <c r="V410" s="405"/>
      <c r="W410" s="405"/>
      <c r="X410" s="405"/>
      <c r="Y410" s="405"/>
      <c r="Z410" s="405"/>
      <c r="AA410" s="405"/>
      <c r="AB410" s="405"/>
      <c r="AC410" s="248"/>
      <c r="AD410" s="248"/>
      <c r="AE410" s="248"/>
      <c r="AF410" s="248"/>
      <c r="AG410" s="248"/>
      <c r="AH410" s="248"/>
    </row>
    <row r="411" spans="1:38" ht="35.25" customHeight="1">
      <c r="A411" s="62"/>
      <c r="B411" s="383" t="s">
        <v>432</v>
      </c>
      <c r="C411" s="384"/>
      <c r="D411" s="384"/>
      <c r="E411" s="384"/>
      <c r="F411" s="384"/>
      <c r="G411" s="384"/>
      <c r="H411" s="384"/>
      <c r="I411" s="384"/>
      <c r="J411" s="385"/>
      <c r="K411" s="383" t="s">
        <v>433</v>
      </c>
      <c r="L411" s="384"/>
      <c r="M411" s="384"/>
      <c r="N411" s="384"/>
      <c r="O411" s="384"/>
      <c r="P411" s="384"/>
      <c r="Q411" s="384"/>
      <c r="R411" s="384"/>
      <c r="S411" s="385"/>
      <c r="T411" s="383" t="s">
        <v>434</v>
      </c>
      <c r="U411" s="384"/>
      <c r="V411" s="384"/>
      <c r="W411" s="384"/>
      <c r="X411" s="384"/>
      <c r="Y411" s="384"/>
      <c r="Z411" s="384"/>
      <c r="AA411" s="384"/>
      <c r="AB411" s="385"/>
      <c r="AC411" s="248"/>
      <c r="AD411" s="248"/>
      <c r="AE411" s="248"/>
      <c r="AF411" s="248"/>
      <c r="AG411" s="248"/>
      <c r="AH411" s="248"/>
      <c r="AI411" s="248"/>
      <c r="AJ411" s="248"/>
      <c r="AK411" s="248"/>
      <c r="AL411" s="248"/>
    </row>
    <row r="412" spans="1:38" ht="59.25" customHeight="1">
      <c r="A412" s="35" t="s">
        <v>70</v>
      </c>
      <c r="B412" s="36" t="s">
        <v>71</v>
      </c>
      <c r="C412" s="36" t="s">
        <v>469</v>
      </c>
      <c r="D412" s="87" t="s">
        <v>470</v>
      </c>
      <c r="E412" s="36" t="s">
        <v>471</v>
      </c>
      <c r="F412" s="87" t="s">
        <v>472</v>
      </c>
      <c r="G412" s="36" t="s">
        <v>473</v>
      </c>
      <c r="H412" s="87" t="s">
        <v>474</v>
      </c>
      <c r="I412" s="36" t="s">
        <v>300</v>
      </c>
      <c r="J412" s="87" t="s">
        <v>314</v>
      </c>
      <c r="K412" s="63" t="s">
        <v>71</v>
      </c>
      <c r="L412" s="63" t="s">
        <v>469</v>
      </c>
      <c r="M412" s="86" t="s">
        <v>470</v>
      </c>
      <c r="N412" s="63" t="s">
        <v>471</v>
      </c>
      <c r="O412" s="86" t="s">
        <v>472</v>
      </c>
      <c r="P412" s="63" t="s">
        <v>473</v>
      </c>
      <c r="Q412" s="86" t="s">
        <v>474</v>
      </c>
      <c r="R412" s="63" t="s">
        <v>300</v>
      </c>
      <c r="S412" s="86" t="s">
        <v>314</v>
      </c>
      <c r="T412" s="36" t="s">
        <v>71</v>
      </c>
      <c r="U412" s="36" t="s">
        <v>469</v>
      </c>
      <c r="V412" s="87" t="s">
        <v>470</v>
      </c>
      <c r="W412" s="36" t="s">
        <v>471</v>
      </c>
      <c r="X412" s="87" t="s">
        <v>472</v>
      </c>
      <c r="Y412" s="36" t="s">
        <v>473</v>
      </c>
      <c r="Z412" s="87" t="s">
        <v>474</v>
      </c>
      <c r="AA412" s="36" t="s">
        <v>300</v>
      </c>
      <c r="AB412" s="87" t="s">
        <v>314</v>
      </c>
      <c r="AC412" s="248"/>
      <c r="AD412" s="248"/>
      <c r="AE412" s="248"/>
      <c r="AF412" s="248"/>
      <c r="AG412" s="248"/>
      <c r="AH412" s="248"/>
      <c r="AI412" s="248"/>
      <c r="AJ412" s="248"/>
      <c r="AK412" s="248"/>
      <c r="AL412" s="248"/>
    </row>
    <row r="413" spans="1:38" ht="72">
      <c r="A413" s="39"/>
      <c r="B413" s="40" t="s">
        <v>73</v>
      </c>
      <c r="C413" s="40" t="s">
        <v>158</v>
      </c>
      <c r="D413" s="89" t="s">
        <v>87</v>
      </c>
      <c r="E413" s="40" t="s">
        <v>159</v>
      </c>
      <c r="F413" s="89" t="s">
        <v>87</v>
      </c>
      <c r="G413" s="40" t="s">
        <v>160</v>
      </c>
      <c r="H413" s="89" t="s">
        <v>87</v>
      </c>
      <c r="I413" s="40" t="s">
        <v>300</v>
      </c>
      <c r="J413" s="89" t="s">
        <v>87</v>
      </c>
      <c r="K413" s="66" t="s">
        <v>73</v>
      </c>
      <c r="L413" s="66" t="s">
        <v>158</v>
      </c>
      <c r="M413" s="88" t="s">
        <v>87</v>
      </c>
      <c r="N413" s="66" t="s">
        <v>159</v>
      </c>
      <c r="O413" s="88" t="s">
        <v>87</v>
      </c>
      <c r="P413" s="66" t="s">
        <v>160</v>
      </c>
      <c r="Q413" s="261" t="s">
        <v>87</v>
      </c>
      <c r="R413" s="66" t="s">
        <v>300</v>
      </c>
      <c r="S413" s="88" t="s">
        <v>87</v>
      </c>
      <c r="T413" s="40" t="s">
        <v>73</v>
      </c>
      <c r="U413" s="40" t="s">
        <v>158</v>
      </c>
      <c r="V413" s="89" t="s">
        <v>87</v>
      </c>
      <c r="W413" s="40" t="s">
        <v>159</v>
      </c>
      <c r="X413" s="89" t="s">
        <v>87</v>
      </c>
      <c r="Y413" s="40" t="s">
        <v>160</v>
      </c>
      <c r="Z413" s="89" t="s">
        <v>87</v>
      </c>
      <c r="AA413" s="40" t="s">
        <v>300</v>
      </c>
      <c r="AB413" s="89" t="s">
        <v>87</v>
      </c>
    </row>
    <row r="414" spans="1:38">
      <c r="A414" s="43" t="s">
        <v>348</v>
      </c>
      <c r="B414" s="212">
        <v>13997</v>
      </c>
      <c r="C414" s="216">
        <v>6.9488905960501821E-2</v>
      </c>
      <c r="D414" s="92">
        <v>4.3015431734890405E-3</v>
      </c>
      <c r="E414" s="216">
        <v>9.03302013597507E-2</v>
      </c>
      <c r="F414" s="92">
        <v>4.8479940551183825E-3</v>
      </c>
      <c r="G414" s="216">
        <v>0.83164784616154475</v>
      </c>
      <c r="H414" s="92">
        <v>6.3259677926820529E-3</v>
      </c>
      <c r="I414" s="216">
        <v>8.5330465182073927E-3</v>
      </c>
      <c r="J414" s="92">
        <v>1.567310040528438E-3</v>
      </c>
      <c r="K414" s="212">
        <v>13984</v>
      </c>
      <c r="L414" s="218">
        <v>0.12446767803727543</v>
      </c>
      <c r="M414" s="92">
        <v>5.5844087823388308E-3</v>
      </c>
      <c r="N414" s="216">
        <v>0.1510313263365608</v>
      </c>
      <c r="O414" s="92">
        <v>6.0568865231893816E-3</v>
      </c>
      <c r="P414" s="216">
        <v>0.71476908749387102</v>
      </c>
      <c r="Q414" s="262">
        <v>7.635921449937598E-3</v>
      </c>
      <c r="R414" s="216">
        <v>9.7319081323008864E-3</v>
      </c>
      <c r="S414" s="92">
        <v>1.6718707998115148E-3</v>
      </c>
      <c r="T414" s="212">
        <v>13984</v>
      </c>
      <c r="U414" s="216">
        <v>7.0603419523601108E-2</v>
      </c>
      <c r="V414" s="92">
        <v>4.3352507258003267E-3</v>
      </c>
      <c r="W414" s="216">
        <v>9.140734923529395E-2</v>
      </c>
      <c r="X414" s="92">
        <v>4.8761472847168707E-3</v>
      </c>
      <c r="Y414" s="216">
        <v>0.82779566732645504</v>
      </c>
      <c r="Z414" s="92">
        <v>6.3860067472446937E-3</v>
      </c>
      <c r="AA414" s="216">
        <v>1.0193563914653698E-2</v>
      </c>
      <c r="AB414" s="92">
        <v>1.7101059425639006E-3</v>
      </c>
    </row>
    <row r="415" spans="1:38">
      <c r="A415" s="47" t="s">
        <v>349</v>
      </c>
      <c r="B415" s="213">
        <v>10181</v>
      </c>
      <c r="C415" s="217">
        <v>5.5771260126623229E-2</v>
      </c>
      <c r="D415" s="95">
        <v>4.5544025107001592E-3</v>
      </c>
      <c r="E415" s="217">
        <v>6.769418318041226E-2</v>
      </c>
      <c r="F415" s="95">
        <v>4.9843524173121103E-3</v>
      </c>
      <c r="G415" s="217">
        <v>0.87028685890989887</v>
      </c>
      <c r="H415" s="95">
        <v>6.6616176792407278E-3</v>
      </c>
      <c r="I415" s="217">
        <v>6.2476977830547972E-3</v>
      </c>
      <c r="J415" s="95">
        <v>1.585416719608216E-3</v>
      </c>
      <c r="K415" s="213">
        <v>10165</v>
      </c>
      <c r="L415" s="217">
        <v>0.12134498611555503</v>
      </c>
      <c r="M415" s="95">
        <v>6.4794858685394844E-3</v>
      </c>
      <c r="N415" s="217">
        <v>0.1467456119577828</v>
      </c>
      <c r="O415" s="95">
        <v>7.0207394003520456E-3</v>
      </c>
      <c r="P415" s="217">
        <v>0.72367822063620413</v>
      </c>
      <c r="Q415" s="263">
        <v>8.8698017077062409E-3</v>
      </c>
      <c r="R415" s="217">
        <v>8.2311812904523936E-3</v>
      </c>
      <c r="S415" s="95">
        <v>1.8127123451858256E-3</v>
      </c>
      <c r="T415" s="213">
        <v>10167</v>
      </c>
      <c r="U415" s="217">
        <v>5.1967621136293746E-2</v>
      </c>
      <c r="V415" s="95">
        <v>4.4088042604215651E-3</v>
      </c>
      <c r="W415" s="217">
        <v>6.8821771804385493E-2</v>
      </c>
      <c r="X415" s="95">
        <v>5.0259982024442934E-3</v>
      </c>
      <c r="Y415" s="217">
        <v>0.87128348577884585</v>
      </c>
      <c r="Z415" s="95">
        <v>6.644385833423549E-3</v>
      </c>
      <c r="AA415" s="217">
        <v>7.9271212804651117E-3</v>
      </c>
      <c r="AB415" s="95">
        <v>1.7798063707391723E-3</v>
      </c>
    </row>
    <row r="416" spans="1:38">
      <c r="A416" s="43" t="s">
        <v>350</v>
      </c>
      <c r="B416" s="212">
        <v>3816</v>
      </c>
      <c r="C416" s="216">
        <v>8.0298884468340645E-2</v>
      </c>
      <c r="D416" s="92">
        <v>8.8157212594945945E-3</v>
      </c>
      <c r="E416" s="216">
        <v>0.10816816517547961</v>
      </c>
      <c r="F416" s="92">
        <v>1.0067269981012986E-2</v>
      </c>
      <c r="G416" s="216">
        <v>0.80119897013483554</v>
      </c>
      <c r="H416" s="92">
        <v>1.2922202661960154E-2</v>
      </c>
      <c r="I416" s="216">
        <v>1.0333980221343591E-2</v>
      </c>
      <c r="J416" s="92">
        <v>3.3518094175664925E-3</v>
      </c>
      <c r="K416" s="212">
        <v>3819</v>
      </c>
      <c r="L416" s="218">
        <v>0.12692672162460542</v>
      </c>
      <c r="M416" s="92">
        <v>1.0782001840017779E-2</v>
      </c>
      <c r="N416" s="216">
        <v>0.15440622169109808</v>
      </c>
      <c r="O416" s="92">
        <v>1.169920056663218E-2</v>
      </c>
      <c r="P416" s="216">
        <v>0.70775336283336154</v>
      </c>
      <c r="Q416" s="262">
        <v>1.4714256737517094E-2</v>
      </c>
      <c r="R416" s="216">
        <v>1.0913693850936122E-2</v>
      </c>
      <c r="S416" s="92">
        <v>3.4377060019035498E-3</v>
      </c>
      <c r="T416" s="212">
        <v>3817</v>
      </c>
      <c r="U416" s="216">
        <v>8.5248864245439815E-2</v>
      </c>
      <c r="V416" s="92">
        <v>9.0560186752224655E-3</v>
      </c>
      <c r="W416" s="216">
        <v>0.10915683433384854</v>
      </c>
      <c r="X416" s="92">
        <v>1.0106021668753832E-2</v>
      </c>
      <c r="Y416" s="216">
        <v>0.79361959244189906</v>
      </c>
      <c r="Z416" s="92">
        <v>1.3101497878337535E-2</v>
      </c>
      <c r="AA416" s="216">
        <v>1.1974708978813316E-2</v>
      </c>
      <c r="AB416" s="92">
        <v>3.5926742710500224E-3</v>
      </c>
    </row>
    <row r="417" spans="1:28">
      <c r="A417" s="47" t="s">
        <v>574</v>
      </c>
      <c r="B417" s="213">
        <v>5064</v>
      </c>
      <c r="C417" s="217">
        <v>7.6451159093723339E-2</v>
      </c>
      <c r="D417" s="95">
        <v>7.4800152672100835E-3</v>
      </c>
      <c r="E417" s="217">
        <v>0.10210036841164462</v>
      </c>
      <c r="F417" s="95">
        <v>8.5178536781409277E-3</v>
      </c>
      <c r="G417" s="217">
        <v>0.81225996066219419</v>
      </c>
      <c r="H417" s="95">
        <v>1.0976317083142999E-2</v>
      </c>
      <c r="I417" s="217">
        <v>9.1885118324408696E-3</v>
      </c>
      <c r="J417" s="95">
        <v>2.7359737619742936E-3</v>
      </c>
      <c r="K417" s="213">
        <v>5072</v>
      </c>
      <c r="L417" s="217">
        <v>0.12380682910177253</v>
      </c>
      <c r="M417" s="95">
        <v>9.2552310557314395E-3</v>
      </c>
      <c r="N417" s="217">
        <v>0.15119220150182108</v>
      </c>
      <c r="O417" s="95">
        <v>1.0063815156965248E-2</v>
      </c>
      <c r="P417" s="217">
        <v>0.71402413372553686</v>
      </c>
      <c r="Q417" s="263">
        <v>1.2687237077532556E-2</v>
      </c>
      <c r="R417" s="217">
        <v>1.0976835670872698E-2</v>
      </c>
      <c r="S417" s="95">
        <v>2.9752190587970001E-3</v>
      </c>
      <c r="T417" s="213">
        <v>5062</v>
      </c>
      <c r="U417" s="217">
        <v>7.8302175593005563E-2</v>
      </c>
      <c r="V417" s="95">
        <v>7.5634781087187113E-3</v>
      </c>
      <c r="W417" s="217">
        <v>0.10140547885404136</v>
      </c>
      <c r="X417" s="95">
        <v>8.4938937232218424E-3</v>
      </c>
      <c r="Y417" s="217">
        <v>0.80915293246163444</v>
      </c>
      <c r="Z417" s="95">
        <v>1.1047588742672481E-2</v>
      </c>
      <c r="AA417" s="217">
        <v>1.1139413091321777E-2</v>
      </c>
      <c r="AB417" s="95">
        <v>2.9992197241276324E-3</v>
      </c>
    </row>
    <row r="418" spans="1:28">
      <c r="A418" s="43" t="s">
        <v>575</v>
      </c>
      <c r="B418" s="212">
        <v>5125</v>
      </c>
      <c r="C418" s="216">
        <v>4.866876614286892E-2</v>
      </c>
      <c r="D418" s="92">
        <v>6.0296088835859549E-3</v>
      </c>
      <c r="E418" s="216">
        <v>5.9544442108382042E-2</v>
      </c>
      <c r="F418" s="92">
        <v>6.6263315132547287E-3</v>
      </c>
      <c r="G418" s="216">
        <v>0.88817172412248269</v>
      </c>
      <c r="H418" s="92">
        <v>8.8115223086302104E-3</v>
      </c>
      <c r="I418" s="216">
        <v>3.6150676262678262E-3</v>
      </c>
      <c r="J418" s="92">
        <v>1.7631593884718324E-3</v>
      </c>
      <c r="K418" s="212">
        <v>5118</v>
      </c>
      <c r="L418" s="218">
        <v>9.9996509136893133E-2</v>
      </c>
      <c r="M418" s="92">
        <v>8.3951147198376708E-3</v>
      </c>
      <c r="N418" s="216">
        <v>0.13571942844560989</v>
      </c>
      <c r="O418" s="92">
        <v>9.5794769388085881E-3</v>
      </c>
      <c r="P418" s="216">
        <v>0.75873850742707261</v>
      </c>
      <c r="Q418" s="262">
        <v>1.1959808576369229E-2</v>
      </c>
      <c r="R418" s="216">
        <v>5.5455549904259568E-3</v>
      </c>
      <c r="S418" s="92">
        <v>2.1458916485007922E-3</v>
      </c>
      <c r="T418" s="212">
        <v>5121</v>
      </c>
      <c r="U418" s="216">
        <v>4.4600152259553882E-2</v>
      </c>
      <c r="V418" s="92">
        <v>5.7887751127729831E-3</v>
      </c>
      <c r="W418" s="216">
        <v>6.3120264215278568E-2</v>
      </c>
      <c r="X418" s="92">
        <v>6.8108329259327629E-3</v>
      </c>
      <c r="Y418" s="216">
        <v>0.88785834691494681</v>
      </c>
      <c r="Z418" s="92">
        <v>8.8257112219288763E-3</v>
      </c>
      <c r="AA418" s="216">
        <v>4.4212366102227771E-3</v>
      </c>
      <c r="AB418" s="92">
        <v>1.9325025132332133E-3</v>
      </c>
    </row>
    <row r="419" spans="1:28">
      <c r="A419" s="47" t="s">
        <v>576</v>
      </c>
      <c r="B419" s="213">
        <v>3123</v>
      </c>
      <c r="C419" s="217">
        <v>5.928798866694493E-2</v>
      </c>
      <c r="D419" s="95">
        <v>8.4840382157500786E-3</v>
      </c>
      <c r="E419" s="217">
        <v>7.2334516519074479E-2</v>
      </c>
      <c r="F419" s="95">
        <v>9.296993869578345E-3</v>
      </c>
      <c r="G419" s="217">
        <v>0.85922075072716664</v>
      </c>
      <c r="H419" s="95">
        <v>1.2456017719670334E-2</v>
      </c>
      <c r="I419" s="217">
        <v>9.1567440868084767E-3</v>
      </c>
      <c r="J419" s="95">
        <v>3.5204883068023041E-3</v>
      </c>
      <c r="K419" s="213">
        <v>3112</v>
      </c>
      <c r="L419" s="217">
        <v>0.14945161791224723</v>
      </c>
      <c r="M419" s="95">
        <v>1.2789955211304669E-2</v>
      </c>
      <c r="N419" s="217">
        <v>0.17780072215700085</v>
      </c>
      <c r="O419" s="95">
        <v>1.3711401960743538E-2</v>
      </c>
      <c r="P419" s="217">
        <v>0.66549328493806681</v>
      </c>
      <c r="Q419" s="263">
        <v>1.6907292460398713E-2</v>
      </c>
      <c r="R419" s="217">
        <v>7.2543749926792713E-3</v>
      </c>
      <c r="S419" s="95">
        <v>3.1693144701265864E-3</v>
      </c>
      <c r="T419" s="213">
        <v>3115</v>
      </c>
      <c r="U419" s="217">
        <v>6.7661202119993907E-2</v>
      </c>
      <c r="V419" s="95">
        <v>9.0286341560088003E-3</v>
      </c>
      <c r="W419" s="217">
        <v>6.7466841489077112E-2</v>
      </c>
      <c r="X419" s="95">
        <v>9.016718314580445E-3</v>
      </c>
      <c r="Y419" s="217">
        <v>0.85441047775796974</v>
      </c>
      <c r="Z419" s="95">
        <v>1.2646838271265259E-2</v>
      </c>
      <c r="AA419" s="217">
        <v>1.0461478632953705E-2</v>
      </c>
      <c r="AB419" s="95">
        <v>3.7501857887362751E-3</v>
      </c>
    </row>
    <row r="420" spans="1:28">
      <c r="A420" s="43" t="s">
        <v>577</v>
      </c>
      <c r="B420" s="212">
        <v>414</v>
      </c>
      <c r="C420" s="216">
        <v>7.2035617510224303E-2</v>
      </c>
      <c r="D420" s="92">
        <v>2.5943450794851261E-2</v>
      </c>
      <c r="E420" s="216">
        <v>9.9048184985535498E-2</v>
      </c>
      <c r="F420" s="92">
        <v>2.9719536223810961E-2</v>
      </c>
      <c r="G420" s="216">
        <v>0.81291394065835521</v>
      </c>
      <c r="H420" s="92">
        <v>3.8382346572742962E-2</v>
      </c>
      <c r="I420" s="216">
        <v>1.6002256845884424E-2</v>
      </c>
      <c r="J420" s="92">
        <v>1.3906062121110063E-2</v>
      </c>
      <c r="K420" s="212">
        <v>412</v>
      </c>
      <c r="L420" s="218">
        <v>0.306474802395237</v>
      </c>
      <c r="M420" s="92">
        <v>4.5283802297468062E-2</v>
      </c>
      <c r="N420" s="216">
        <v>0.20614254166391707</v>
      </c>
      <c r="O420" s="92">
        <v>3.9867621065040028E-2</v>
      </c>
      <c r="P420" s="216">
        <v>0.48706249501140336</v>
      </c>
      <c r="Q420" s="262">
        <v>4.9012932390451402E-2</v>
      </c>
      <c r="R420" s="216">
        <v>3.2016092944224382E-4</v>
      </c>
      <c r="S420" s="92">
        <v>7.0017246846828876E-3</v>
      </c>
      <c r="T420" s="212">
        <v>414</v>
      </c>
      <c r="U420" s="216">
        <v>9.6779191202245624E-2</v>
      </c>
      <c r="V420" s="92">
        <v>2.9429959686303579E-2</v>
      </c>
      <c r="W420" s="216">
        <v>6.8501653768508725E-2</v>
      </c>
      <c r="X420" s="92">
        <v>2.5388010558358733E-2</v>
      </c>
      <c r="Y420" s="216">
        <v>0.81863833979446854</v>
      </c>
      <c r="Z420" s="92">
        <v>3.7937682010970399E-2</v>
      </c>
      <c r="AA420" s="216">
        <v>1.6080815234776825E-2</v>
      </c>
      <c r="AB420" s="92">
        <v>1.3931702717350876E-2</v>
      </c>
    </row>
    <row r="421" spans="1:28">
      <c r="A421" s="47" t="s">
        <v>578</v>
      </c>
      <c r="B421" s="213">
        <v>142</v>
      </c>
      <c r="C421" s="217">
        <v>0.1282553551895273</v>
      </c>
      <c r="D421" s="95">
        <v>5.7164618720546775E-2</v>
      </c>
      <c r="E421" s="217">
        <v>5.9386782391207885E-3</v>
      </c>
      <c r="F421" s="95">
        <v>2.2872693912142805E-2</v>
      </c>
      <c r="G421" s="217">
        <v>0.86580596657135189</v>
      </c>
      <c r="H421" s="95">
        <v>5.814903548454909E-2</v>
      </c>
      <c r="I421" s="217">
        <v>0</v>
      </c>
      <c r="J421" s="95">
        <v>1.9239640634980366E-2</v>
      </c>
      <c r="K421" s="213">
        <v>141</v>
      </c>
      <c r="L421" s="217">
        <v>0.34100398461866194</v>
      </c>
      <c r="M421" s="95">
        <v>7.8975469457417471E-2</v>
      </c>
      <c r="N421" s="217">
        <v>0.20002863392356027</v>
      </c>
      <c r="O421" s="95">
        <v>6.7448733455016591E-2</v>
      </c>
      <c r="P421" s="217">
        <v>0.45896738145777738</v>
      </c>
      <c r="Q421" s="263">
        <v>8.2780629984417972E-2</v>
      </c>
      <c r="R421" s="217">
        <v>0</v>
      </c>
      <c r="S421" s="95">
        <v>1.9371399996077419E-2</v>
      </c>
      <c r="T421" s="213">
        <v>143</v>
      </c>
      <c r="U421" s="217">
        <v>5.9623693356234589E-2</v>
      </c>
      <c r="V421" s="95">
        <v>4.253184463860829E-2</v>
      </c>
      <c r="W421" s="217">
        <v>7.4583511555472007E-2</v>
      </c>
      <c r="X421" s="95">
        <v>4.6286894776493524E-2</v>
      </c>
      <c r="Y421" s="217">
        <v>0.85898270712550007</v>
      </c>
      <c r="Z421" s="95">
        <v>5.9028242705277442E-2</v>
      </c>
      <c r="AA421" s="217">
        <v>6.8100879627934537E-3</v>
      </c>
      <c r="AB421" s="95">
        <v>2.3223820609892403E-2</v>
      </c>
    </row>
    <row r="422" spans="1:28">
      <c r="A422" s="43" t="s">
        <v>581</v>
      </c>
      <c r="B422" s="212">
        <v>9835</v>
      </c>
      <c r="C422" s="216">
        <v>6.9260497370421448E-2</v>
      </c>
      <c r="D422" s="92">
        <v>5.1252949707228882E-3</v>
      </c>
      <c r="E422" s="216">
        <v>9.2783915511895743E-2</v>
      </c>
      <c r="F422" s="92">
        <v>5.8545525611132547E-3</v>
      </c>
      <c r="G422" s="216">
        <v>0.82891721538449648</v>
      </c>
      <c r="H422" s="92">
        <v>7.5953514708433098E-3</v>
      </c>
      <c r="I422" s="216">
        <v>9.0383717331924563E-3</v>
      </c>
      <c r="J422" s="92">
        <v>1.9289788430142359E-3</v>
      </c>
      <c r="K422" s="212">
        <v>9830</v>
      </c>
      <c r="L422" s="218">
        <v>0.12555708870862309</v>
      </c>
      <c r="M422" s="92">
        <v>6.6861584799967544E-3</v>
      </c>
      <c r="N422" s="216">
        <v>0.1519105849977202</v>
      </c>
      <c r="O422" s="92">
        <v>7.2417874311400685E-3</v>
      </c>
      <c r="P422" s="216">
        <v>0.71236732168026473</v>
      </c>
      <c r="Q422" s="262">
        <v>9.1300860615315272E-3</v>
      </c>
      <c r="R422" s="216">
        <v>1.016500461341471E-2</v>
      </c>
      <c r="S422" s="92">
        <v>2.0425440858477771E-3</v>
      </c>
      <c r="T422" s="212">
        <v>9824</v>
      </c>
      <c r="U422" s="216">
        <v>7.0739685628100873E-2</v>
      </c>
      <c r="V422" s="92">
        <v>5.1783629619963252E-3</v>
      </c>
      <c r="W422" s="216">
        <v>9.2674734496459993E-2</v>
      </c>
      <c r="X422" s="92">
        <v>5.8547454437167341E-3</v>
      </c>
      <c r="Y422" s="216">
        <v>0.82580455136294328</v>
      </c>
      <c r="Z422" s="92">
        <v>7.6539359656886755E-3</v>
      </c>
      <c r="AA422" s="216">
        <v>1.0781028512501425E-2</v>
      </c>
      <c r="AB422" s="92">
        <v>2.1023445001600114E-3</v>
      </c>
    </row>
    <row r="423" spans="1:28">
      <c r="A423" s="47" t="s">
        <v>580</v>
      </c>
      <c r="B423" s="213">
        <v>4014</v>
      </c>
      <c r="C423" s="217">
        <v>5.721551576183679E-2</v>
      </c>
      <c r="D423" s="95">
        <v>7.3544997649609301E-3</v>
      </c>
      <c r="E423" s="217">
        <v>6.9377911531635222E-2</v>
      </c>
      <c r="F423" s="95">
        <v>8.0400715229562419E-3</v>
      </c>
      <c r="G423" s="217">
        <v>0.87000003964960559</v>
      </c>
      <c r="H423" s="95">
        <v>1.0623771370353445E-2</v>
      </c>
      <c r="I423" s="217">
        <v>3.4065330569232667E-3</v>
      </c>
      <c r="J423" s="95">
        <v>1.9667937308650604E-3</v>
      </c>
      <c r="K423" s="213">
        <v>4007</v>
      </c>
      <c r="L423" s="217">
        <v>0.11577861662321361</v>
      </c>
      <c r="M423" s="95">
        <v>1.0118629395696278E-2</v>
      </c>
      <c r="N423" s="217">
        <v>0.1543195182080534</v>
      </c>
      <c r="O423" s="95">
        <v>1.1418610354017731E-2</v>
      </c>
      <c r="P423" s="217">
        <v>0.72438571505390248</v>
      </c>
      <c r="Q423" s="263">
        <v>1.4113950992204914E-2</v>
      </c>
      <c r="R423" s="217">
        <v>5.5161501148321534E-3</v>
      </c>
      <c r="S423" s="95">
        <v>2.4406526347351487E-3</v>
      </c>
      <c r="T423" s="213">
        <v>4011</v>
      </c>
      <c r="U423" s="217">
        <v>6.3844312477915541E-2</v>
      </c>
      <c r="V423" s="95">
        <v>7.7409534771735811E-3</v>
      </c>
      <c r="W423" s="217">
        <v>6.9647717102918213E-2</v>
      </c>
      <c r="X423" s="95">
        <v>8.0574370942294148E-3</v>
      </c>
      <c r="Y423" s="217">
        <v>0.86174226952328259</v>
      </c>
      <c r="Z423" s="95">
        <v>1.090674327195458E-2</v>
      </c>
      <c r="AA423" s="217">
        <v>4.7657008958867236E-3</v>
      </c>
      <c r="AB423" s="95">
        <v>2.2829547674525687E-3</v>
      </c>
    </row>
    <row r="424" spans="1:28">
      <c r="A424" s="43" t="s">
        <v>583</v>
      </c>
      <c r="B424" s="212">
        <v>917</v>
      </c>
      <c r="C424" s="216">
        <v>6.7503486650279179E-2</v>
      </c>
      <c r="D424" s="92">
        <v>1.6745916439210008E-2</v>
      </c>
      <c r="E424" s="216">
        <v>7.1646242680132949E-2</v>
      </c>
      <c r="F424" s="92">
        <v>1.7198263147250533E-2</v>
      </c>
      <c r="G424" s="216">
        <v>0.85859416025240587</v>
      </c>
      <c r="H424" s="92">
        <v>2.3068115210982291E-2</v>
      </c>
      <c r="I424" s="216">
        <v>2.2561104171815683E-3</v>
      </c>
      <c r="J424" s="92">
        <v>4.370638896627952E-3</v>
      </c>
      <c r="K424" s="212">
        <v>917</v>
      </c>
      <c r="L424" s="218">
        <v>0.13429416259023375</v>
      </c>
      <c r="M424" s="92">
        <v>2.2582306276875557E-2</v>
      </c>
      <c r="N424" s="216">
        <v>0.17812132846922815</v>
      </c>
      <c r="O424" s="92">
        <v>2.5292392974422543E-2</v>
      </c>
      <c r="P424" s="216">
        <v>0.68519703747872751</v>
      </c>
      <c r="Q424" s="262">
        <v>3.0628546116428342E-2</v>
      </c>
      <c r="R424" s="216">
        <v>2.3874714618096551E-3</v>
      </c>
      <c r="S424" s="92">
        <v>4.4345719179093961E-3</v>
      </c>
      <c r="T424" s="212">
        <v>913</v>
      </c>
      <c r="U424" s="216">
        <v>6.963888710541298E-2</v>
      </c>
      <c r="V424" s="92">
        <v>1.7019020091109453E-2</v>
      </c>
      <c r="W424" s="216">
        <v>0.10125676243242017</v>
      </c>
      <c r="X424" s="92">
        <v>2.0074876602010915E-2</v>
      </c>
      <c r="Y424" s="216">
        <v>0.82583568538241314</v>
      </c>
      <c r="Z424" s="92">
        <v>2.5128269767123377E-2</v>
      </c>
      <c r="AA424" s="216">
        <v>3.2686650797533979E-3</v>
      </c>
      <c r="AB424" s="92">
        <v>4.8560019899578661E-3</v>
      </c>
    </row>
    <row r="425" spans="1:28">
      <c r="A425" s="47" t="s">
        <v>582</v>
      </c>
      <c r="B425" s="213">
        <v>3097</v>
      </c>
      <c r="C425" s="217">
        <v>5.3538052588657223E-2</v>
      </c>
      <c r="D425" s="95">
        <v>8.1255567628687082E-3</v>
      </c>
      <c r="E425" s="217">
        <v>6.8567090393664487E-2</v>
      </c>
      <c r="F425" s="95">
        <v>9.1104177661818792E-3</v>
      </c>
      <c r="G425" s="217">
        <v>0.87407710225949486</v>
      </c>
      <c r="H425" s="95">
        <v>1.1934849015771302E-2</v>
      </c>
      <c r="I425" s="217">
        <v>3.8177547581816663E-3</v>
      </c>
      <c r="J425" s="95">
        <v>2.3925908474108394E-3</v>
      </c>
      <c r="K425" s="213">
        <v>3090</v>
      </c>
      <c r="L425" s="217">
        <v>0.10914247669427017</v>
      </c>
      <c r="M425" s="95">
        <v>1.1234421077480817E-2</v>
      </c>
      <c r="N425" s="217">
        <v>0.14578873311877455</v>
      </c>
      <c r="O425" s="95">
        <v>1.270512770531675E-2</v>
      </c>
      <c r="P425" s="217">
        <v>0.73843129321196921</v>
      </c>
      <c r="Q425" s="263">
        <v>1.5808216148279007E-2</v>
      </c>
      <c r="R425" s="217">
        <v>6.6374969749861566E-3</v>
      </c>
      <c r="S425" s="95">
        <v>3.0556988127932415E-3</v>
      </c>
      <c r="T425" s="213">
        <v>3098</v>
      </c>
      <c r="U425" s="217">
        <v>6.1780627399557711E-2</v>
      </c>
      <c r="V425" s="95">
        <v>8.6822792453487129E-3</v>
      </c>
      <c r="W425" s="217">
        <v>5.8390442948905205E-2</v>
      </c>
      <c r="X425" s="95">
        <v>8.4584641628198814E-3</v>
      </c>
      <c r="Y425" s="217">
        <v>0.87453007305844566</v>
      </c>
      <c r="Z425" s="95">
        <v>1.1914630355211496E-2</v>
      </c>
      <c r="AA425" s="217">
        <v>5.2988565930902768E-3</v>
      </c>
      <c r="AB425" s="95">
        <v>2.7586155680357992E-3</v>
      </c>
    </row>
    <row r="426" spans="1:28">
      <c r="A426" s="43" t="s">
        <v>568</v>
      </c>
      <c r="B426" s="212">
        <v>8331</v>
      </c>
      <c r="C426" s="216">
        <v>7.6790603449463452E-2</v>
      </c>
      <c r="D426" s="92">
        <v>5.8399231238765847E-3</v>
      </c>
      <c r="E426" s="216">
        <v>8.928058996976837E-2</v>
      </c>
      <c r="F426" s="92">
        <v>6.2528769741423693E-3</v>
      </c>
      <c r="G426" s="216">
        <v>0.8253503300944347</v>
      </c>
      <c r="H426" s="92">
        <v>8.3201892119139781E-3</v>
      </c>
      <c r="I426" s="216">
        <v>8.5784764863290636E-3</v>
      </c>
      <c r="J426" s="92">
        <v>2.0476178455395748E-3</v>
      </c>
      <c r="K426" s="212">
        <v>8325</v>
      </c>
      <c r="L426" s="218">
        <v>0.1240553253023764</v>
      </c>
      <c r="M426" s="92">
        <v>7.2285409882010855E-3</v>
      </c>
      <c r="N426" s="216">
        <v>0.1487475016943508</v>
      </c>
      <c r="O426" s="92">
        <v>7.8017259000215441E-3</v>
      </c>
      <c r="P426" s="216">
        <v>0.71966389729577473</v>
      </c>
      <c r="Q426" s="262">
        <v>9.8443671982871798E-3</v>
      </c>
      <c r="R426" s="216">
        <v>7.5332757074930371E-3</v>
      </c>
      <c r="S426" s="92">
        <v>1.9241734860503722E-3</v>
      </c>
      <c r="T426" s="212">
        <v>8321</v>
      </c>
      <c r="U426" s="216">
        <v>7.2425763518598002E-2</v>
      </c>
      <c r="V426" s="92">
        <v>5.6888664339493997E-3</v>
      </c>
      <c r="W426" s="216">
        <v>9.0221584020164572E-2</v>
      </c>
      <c r="X426" s="92">
        <v>6.2861867351071167E-3</v>
      </c>
      <c r="Y426" s="216">
        <v>0.83016455071508544</v>
      </c>
      <c r="Z426" s="92">
        <v>8.2337063729496958E-3</v>
      </c>
      <c r="AA426" s="216">
        <v>7.1881017461484674E-3</v>
      </c>
      <c r="AB426" s="92">
        <v>1.8817612704854643E-3</v>
      </c>
    </row>
    <row r="427" spans="1:28">
      <c r="A427" s="47" t="s">
        <v>569</v>
      </c>
      <c r="B427" s="213">
        <v>5530</v>
      </c>
      <c r="C427" s="217">
        <v>6.1970212713359812E-2</v>
      </c>
      <c r="D427" s="95">
        <v>6.4974585304855177E-3</v>
      </c>
      <c r="E427" s="217">
        <v>9.0826692730264169E-2</v>
      </c>
      <c r="F427" s="95">
        <v>7.7370568810843825E-3</v>
      </c>
      <c r="G427" s="217">
        <v>0.83923539520606383</v>
      </c>
      <c r="H427" s="95">
        <v>9.8813213613699394E-3</v>
      </c>
      <c r="I427" s="217">
        <v>7.9676993503212841E-3</v>
      </c>
      <c r="J427" s="95">
        <v>2.4425549717227188E-3</v>
      </c>
      <c r="K427" s="213">
        <v>5524</v>
      </c>
      <c r="L427" s="217">
        <v>0.12410677394830452</v>
      </c>
      <c r="M427" s="95">
        <v>8.8772253149793576E-3</v>
      </c>
      <c r="N427" s="217">
        <v>0.15136388071541806</v>
      </c>
      <c r="O427" s="95">
        <v>9.6475026590547748E-3</v>
      </c>
      <c r="P427" s="217">
        <v>0.71298754911760842</v>
      </c>
      <c r="Q427" s="263">
        <v>1.2170458691856574E-2</v>
      </c>
      <c r="R427" s="217">
        <v>1.1541796218684978E-2</v>
      </c>
      <c r="S427" s="95">
        <v>2.916312532870593E-3</v>
      </c>
      <c r="T427" s="213">
        <v>5530</v>
      </c>
      <c r="U427" s="217">
        <v>6.8252482913297469E-2</v>
      </c>
      <c r="V427" s="95">
        <v>6.7941733029251352E-3</v>
      </c>
      <c r="W427" s="217">
        <v>9.3191826555850177E-2</v>
      </c>
      <c r="X427" s="95">
        <v>7.8265559244495731E-3</v>
      </c>
      <c r="Y427" s="217">
        <v>0.82570730682652527</v>
      </c>
      <c r="Z427" s="95">
        <v>1.020455947484915E-2</v>
      </c>
      <c r="AA427" s="217">
        <v>1.2848383704336955E-2</v>
      </c>
      <c r="AB427" s="95">
        <v>3.068457089822208E-3</v>
      </c>
    </row>
    <row r="428" spans="1:28">
      <c r="A428" s="55" t="s">
        <v>570</v>
      </c>
      <c r="B428" s="212">
        <v>1815</v>
      </c>
      <c r="C428" s="216">
        <v>0.10912432055211489</v>
      </c>
      <c r="D428" s="92">
        <v>1.4671586099513507E-2</v>
      </c>
      <c r="E428" s="216">
        <v>0.14618362875739324</v>
      </c>
      <c r="F428" s="92">
        <v>1.6603512139406865E-2</v>
      </c>
      <c r="G428" s="216">
        <v>0.72863124453681594</v>
      </c>
      <c r="H428" s="92">
        <v>2.0864093098606963E-2</v>
      </c>
      <c r="I428" s="216">
        <v>1.6060806153675652E-2</v>
      </c>
      <c r="J428" s="92">
        <v>6.0838430198577719E-3</v>
      </c>
      <c r="K428" s="212">
        <v>1816</v>
      </c>
      <c r="L428" s="218">
        <v>0.15699028419923339</v>
      </c>
      <c r="M428" s="92">
        <v>1.7088067574366865E-2</v>
      </c>
      <c r="N428" s="216">
        <v>0.1753241376190782</v>
      </c>
      <c r="O428" s="92">
        <v>1.7854628806610755E-2</v>
      </c>
      <c r="P428" s="216">
        <v>0.64792449740210101</v>
      </c>
      <c r="Q428" s="262">
        <v>2.2395761985275486E-2</v>
      </c>
      <c r="R428" s="216">
        <v>1.9761080779586528E-2</v>
      </c>
      <c r="S428" s="92">
        <v>6.6931525020309177E-3</v>
      </c>
      <c r="T428" s="212">
        <v>1813</v>
      </c>
      <c r="U428" s="216">
        <v>0.12053228697636122</v>
      </c>
      <c r="V428" s="92">
        <v>1.5321723191050789E-2</v>
      </c>
      <c r="W428" s="216">
        <v>0.12534248277590834</v>
      </c>
      <c r="X428" s="92">
        <v>1.5579016309294744E-2</v>
      </c>
      <c r="Y428" s="216">
        <v>0.73794578425004032</v>
      </c>
      <c r="Z428" s="92">
        <v>2.0646182634619554E-2</v>
      </c>
      <c r="AA428" s="216">
        <v>1.617944599769023E-2</v>
      </c>
      <c r="AB428" s="92">
        <v>6.1080293516817593E-3</v>
      </c>
    </row>
    <row r="429" spans="1:28">
      <c r="A429" s="47" t="s">
        <v>571</v>
      </c>
      <c r="B429" s="213">
        <v>3809</v>
      </c>
      <c r="C429" s="217">
        <v>7.6428138277251673E-2</v>
      </c>
      <c r="D429" s="95">
        <v>8.6280548372090586E-3</v>
      </c>
      <c r="E429" s="217">
        <v>0.10419381189615312</v>
      </c>
      <c r="F429" s="95">
        <v>9.9125989313947425E-3</v>
      </c>
      <c r="G429" s="217">
        <v>0.81186177442074059</v>
      </c>
      <c r="H429" s="95">
        <v>1.2666770814081126E-2</v>
      </c>
      <c r="I429" s="217">
        <v>7.5162754058573956E-3</v>
      </c>
      <c r="J429" s="95">
        <v>2.8912239061250973E-3</v>
      </c>
      <c r="K429" s="213">
        <v>3806</v>
      </c>
      <c r="L429" s="217">
        <v>0.13858841802626834</v>
      </c>
      <c r="M429" s="95">
        <v>1.120816109945418E-2</v>
      </c>
      <c r="N429" s="217">
        <v>0.16432798703589924</v>
      </c>
      <c r="O429" s="95">
        <v>1.2017518486260372E-2</v>
      </c>
      <c r="P429" s="217">
        <v>0.69026255054936825</v>
      </c>
      <c r="Q429" s="263">
        <v>1.4984721251625057E-2</v>
      </c>
      <c r="R429" s="217">
        <v>6.8210443884681752E-3</v>
      </c>
      <c r="S429" s="95">
        <v>2.765547190307944E-3</v>
      </c>
      <c r="T429" s="213">
        <v>3806</v>
      </c>
      <c r="U429" s="217">
        <v>7.1301581604479983E-2</v>
      </c>
      <c r="V429" s="95">
        <v>8.3621041293480639E-3</v>
      </c>
      <c r="W429" s="217">
        <v>0.1087718079460509</v>
      </c>
      <c r="X429" s="95">
        <v>1.0105050207447746E-2</v>
      </c>
      <c r="Y429" s="217">
        <v>0.81284905985913058</v>
      </c>
      <c r="Z429" s="95">
        <v>1.2646241386511551E-2</v>
      </c>
      <c r="AA429" s="217">
        <v>7.0775505903410921E-3</v>
      </c>
      <c r="AB429" s="95">
        <v>2.8130497590229814E-3</v>
      </c>
    </row>
    <row r="430" spans="1:28">
      <c r="A430" s="55" t="s">
        <v>572</v>
      </c>
      <c r="B430" s="212">
        <v>4166</v>
      </c>
      <c r="C430" s="216">
        <v>5.9203764366777822E-2</v>
      </c>
      <c r="D430" s="92">
        <v>7.3338517496095747E-3</v>
      </c>
      <c r="E430" s="216">
        <v>6.6600217299073533E-2</v>
      </c>
      <c r="F430" s="92">
        <v>7.7444068872267397E-3</v>
      </c>
      <c r="G430" s="216">
        <v>0.86582888199923302</v>
      </c>
      <c r="H430" s="92">
        <v>1.0567851145177023E-2</v>
      </c>
      <c r="I430" s="216">
        <v>8.3671363349171433E-3</v>
      </c>
      <c r="J430" s="92">
        <v>2.8988716110676447E-3</v>
      </c>
      <c r="K430" s="212">
        <v>4162</v>
      </c>
      <c r="L430" s="218">
        <v>0.12056412599747315</v>
      </c>
      <c r="M430" s="92">
        <v>1.0102915188763467E-2</v>
      </c>
      <c r="N430" s="216">
        <v>0.14576866576498551</v>
      </c>
      <c r="O430" s="92">
        <v>1.0944849570753892E-2</v>
      </c>
      <c r="P430" s="216">
        <v>0.72586919371712133</v>
      </c>
      <c r="Q430" s="262">
        <v>1.3825641793757672E-2</v>
      </c>
      <c r="R430" s="216">
        <v>7.7980145204233128E-3</v>
      </c>
      <c r="S430" s="92">
        <v>2.8063095273559904E-3</v>
      </c>
      <c r="T430" s="212">
        <v>4167</v>
      </c>
      <c r="U430" s="216">
        <v>5.542269541857775E-2</v>
      </c>
      <c r="V430" s="92">
        <v>7.1111280528074819E-3</v>
      </c>
      <c r="W430" s="216">
        <v>7.1596285585014435E-2</v>
      </c>
      <c r="X430" s="92">
        <v>8.0051589515300666E-3</v>
      </c>
      <c r="Y430" s="216">
        <v>0.86153767935527059</v>
      </c>
      <c r="Z430" s="92">
        <v>1.070701724842367E-2</v>
      </c>
      <c r="AA430" s="216">
        <v>1.1443339641139956E-2</v>
      </c>
      <c r="AB430" s="92">
        <v>3.3596780047163272E-3</v>
      </c>
    </row>
    <row r="431" spans="1:28">
      <c r="A431" s="47" t="s">
        <v>573</v>
      </c>
      <c r="B431" s="213">
        <v>4002</v>
      </c>
      <c r="C431" s="217">
        <v>3.0744864828925068E-2</v>
      </c>
      <c r="D431" s="95">
        <v>5.4948929883050016E-3</v>
      </c>
      <c r="E431" s="217">
        <v>3.2170153574705186E-2</v>
      </c>
      <c r="F431" s="95">
        <v>5.6146952988230057E-3</v>
      </c>
      <c r="G431" s="217">
        <v>0.9337619052092373</v>
      </c>
      <c r="H431" s="95">
        <v>7.8824461777090935E-3</v>
      </c>
      <c r="I431" s="217">
        <v>3.3230763871317571E-3</v>
      </c>
      <c r="J431" s="95">
        <v>1.9490321928056298E-3</v>
      </c>
      <c r="K431" s="213">
        <v>3995</v>
      </c>
      <c r="L431" s="217">
        <v>6.918636677539354E-2</v>
      </c>
      <c r="M431" s="95">
        <v>8.0490321194943287E-3</v>
      </c>
      <c r="N431" s="217">
        <v>0.10396505912604301</v>
      </c>
      <c r="O431" s="95">
        <v>9.6691937513951956E-3</v>
      </c>
      <c r="P431" s="217">
        <v>0.81949730882723248</v>
      </c>
      <c r="Q431" s="263">
        <v>1.2172206714041768E-2</v>
      </c>
      <c r="R431" s="217">
        <v>7.3512652713273938E-3</v>
      </c>
      <c r="S431" s="95">
        <v>2.7900635105775578E-3</v>
      </c>
      <c r="T431" s="213">
        <v>3995</v>
      </c>
      <c r="U431" s="217">
        <v>3.5311935865508182E-2</v>
      </c>
      <c r="V431" s="95">
        <v>5.8741289859999442E-3</v>
      </c>
      <c r="W431" s="217">
        <v>5.1311994679050919E-2</v>
      </c>
      <c r="X431" s="95">
        <v>7.0067031098422642E-3</v>
      </c>
      <c r="Y431" s="217">
        <v>0.90496492087343072</v>
      </c>
      <c r="Z431" s="95">
        <v>9.2926267655859922E-3</v>
      </c>
      <c r="AA431" s="217">
        <v>8.4111485820096629E-3</v>
      </c>
      <c r="AB431" s="95">
        <v>2.970825792642671E-3</v>
      </c>
    </row>
    <row r="432" spans="1:28">
      <c r="A432" s="55" t="s">
        <v>579</v>
      </c>
      <c r="B432" s="212">
        <v>9623</v>
      </c>
      <c r="C432" s="216">
        <v>6.8284027208392328E-2</v>
      </c>
      <c r="D432" s="92">
        <v>5.1477057682723475E-3</v>
      </c>
      <c r="E432" s="216">
        <v>8.6962259885764337E-2</v>
      </c>
      <c r="F432" s="92">
        <v>5.7488578812032462E-3</v>
      </c>
      <c r="G432" s="216">
        <v>0.8368244693546848</v>
      </c>
      <c r="H432" s="92">
        <v>7.5349270697843071E-3</v>
      </c>
      <c r="I432" s="216">
        <v>7.9292435511780796E-3</v>
      </c>
      <c r="J432" s="92">
        <v>1.830859843445981E-3</v>
      </c>
      <c r="K432" s="212">
        <v>9616</v>
      </c>
      <c r="L432" s="218">
        <v>0.12240998098601097</v>
      </c>
      <c r="M432" s="92">
        <v>6.6870749981204226E-3</v>
      </c>
      <c r="N432" s="216">
        <v>0.1492637341846591</v>
      </c>
      <c r="O432" s="92">
        <v>7.2692886497029794E-3</v>
      </c>
      <c r="P432" s="216">
        <v>0.71900763684398195</v>
      </c>
      <c r="Q432" s="262">
        <v>9.1664110217128825E-3</v>
      </c>
      <c r="R432" s="216">
        <v>9.3186479853709821E-3</v>
      </c>
      <c r="S432" s="92">
        <v>1.9803601370393868E-3</v>
      </c>
      <c r="T432" s="212">
        <v>9616</v>
      </c>
      <c r="U432" s="216">
        <v>6.7686632944111827E-2</v>
      </c>
      <c r="V432" s="92">
        <v>5.128719116575131E-3</v>
      </c>
      <c r="W432" s="216">
        <v>8.9579720777449981E-2</v>
      </c>
      <c r="X432" s="92">
        <v>5.8282858950447266E-3</v>
      </c>
      <c r="Y432" s="216">
        <v>0.83198526040561405</v>
      </c>
      <c r="Z432" s="92">
        <v>7.626341865493963E-3</v>
      </c>
      <c r="AA432" s="216">
        <v>1.074838587284338E-2</v>
      </c>
      <c r="AB432" s="92">
        <v>2.1222389036750313E-3</v>
      </c>
    </row>
    <row r="433" spans="1:28">
      <c r="A433" s="47" t="s">
        <v>585</v>
      </c>
      <c r="B433" s="213">
        <v>1542</v>
      </c>
      <c r="C433" s="217">
        <v>7.0880547420774334E-2</v>
      </c>
      <c r="D433" s="95">
        <v>1.3147401953296901E-2</v>
      </c>
      <c r="E433" s="217">
        <v>6.7574364536258882E-2</v>
      </c>
      <c r="F433" s="95">
        <v>1.2865553630613926E-2</v>
      </c>
      <c r="G433" s="217">
        <v>0.85151279872166785</v>
      </c>
      <c r="H433" s="95">
        <v>1.8132565651086119E-2</v>
      </c>
      <c r="I433" s="217">
        <v>1.0032289321299204E-2</v>
      </c>
      <c r="J433" s="95">
        <v>5.3764624683273069E-3</v>
      </c>
      <c r="K433" s="213">
        <v>1542</v>
      </c>
      <c r="L433" s="217">
        <v>0.12019499668930748</v>
      </c>
      <c r="M433" s="95">
        <v>1.6599197736233036E-2</v>
      </c>
      <c r="N433" s="217">
        <v>0.13442062332232774</v>
      </c>
      <c r="O433" s="95">
        <v>1.740190819271327E-2</v>
      </c>
      <c r="P433" s="217">
        <v>0.73862370732860316</v>
      </c>
      <c r="Q433" s="263">
        <v>2.236663773831293E-2</v>
      </c>
      <c r="R433" s="217">
        <v>6.7606726597631613E-3</v>
      </c>
      <c r="S433" s="95">
        <v>4.5416716091023282E-3</v>
      </c>
      <c r="T433" s="213">
        <v>1542</v>
      </c>
      <c r="U433" s="217">
        <v>6.4882480780184854E-2</v>
      </c>
      <c r="V433" s="95">
        <v>1.2629784532370375E-2</v>
      </c>
      <c r="W433" s="217">
        <v>6.8799846856802849E-2</v>
      </c>
      <c r="X433" s="95">
        <v>1.297099195019139E-2</v>
      </c>
      <c r="Y433" s="217">
        <v>0.85566321147333058</v>
      </c>
      <c r="Z433" s="95">
        <v>1.7923035591619885E-2</v>
      </c>
      <c r="AA433" s="217">
        <v>1.065446088968235E-2</v>
      </c>
      <c r="AB433" s="95">
        <v>5.5203857849365446E-3</v>
      </c>
    </row>
    <row r="434" spans="1:28">
      <c r="A434" s="55" t="s">
        <v>586</v>
      </c>
      <c r="B434" s="212">
        <v>906</v>
      </c>
      <c r="C434" s="216">
        <v>5.7323059971067326E-2</v>
      </c>
      <c r="D434" s="92">
        <v>1.5655086037385354E-2</v>
      </c>
      <c r="E434" s="216">
        <v>0.12083836691679992</v>
      </c>
      <c r="F434" s="92">
        <v>2.1737447672647053E-2</v>
      </c>
      <c r="G434" s="216">
        <v>0.81585428728133425</v>
      </c>
      <c r="H434" s="92">
        <v>2.5772562902982632E-2</v>
      </c>
      <c r="I434" s="216">
        <v>5.9842858307990196E-3</v>
      </c>
      <c r="J434" s="92">
        <v>5.9629871824464073E-3</v>
      </c>
      <c r="K434" s="212">
        <v>905</v>
      </c>
      <c r="L434" s="218">
        <v>0.12385524572161317</v>
      </c>
      <c r="M434" s="92">
        <v>2.197684305447636E-2</v>
      </c>
      <c r="N434" s="216">
        <v>0.15659263447378163</v>
      </c>
      <c r="O434" s="92">
        <v>2.42018440577625E-2</v>
      </c>
      <c r="P434" s="216">
        <v>0.70903007307393129</v>
      </c>
      <c r="Q434" s="262">
        <v>3.0158373628568682E-2</v>
      </c>
      <c r="R434" s="216">
        <v>1.0522046730674806E-2</v>
      </c>
      <c r="S434" s="92">
        <v>7.4211024374586498E-3</v>
      </c>
      <c r="T434" s="212">
        <v>907</v>
      </c>
      <c r="U434" s="216">
        <v>7.0060090813656273E-2</v>
      </c>
      <c r="V434" s="92">
        <v>1.7122451381585163E-2</v>
      </c>
      <c r="W434" s="216">
        <v>0.10546091896343888</v>
      </c>
      <c r="X434" s="92">
        <v>2.0499027796903421E-2</v>
      </c>
      <c r="Y434" s="216">
        <v>0.82053051393058585</v>
      </c>
      <c r="Z434" s="92">
        <v>2.5505680441983404E-2</v>
      </c>
      <c r="AA434" s="216">
        <v>3.9484762923196063E-3</v>
      </c>
      <c r="AB434" s="92">
        <v>5.1706317207226415E-3</v>
      </c>
    </row>
    <row r="435" spans="1:28">
      <c r="A435" s="47" t="s">
        <v>584</v>
      </c>
      <c r="B435" s="213">
        <v>302</v>
      </c>
      <c r="C435" s="217">
        <v>0.12602989986870494</v>
      </c>
      <c r="D435" s="95">
        <v>3.8565583050923252E-2</v>
      </c>
      <c r="E435" s="217">
        <v>7.6008853253158065E-2</v>
      </c>
      <c r="F435" s="95">
        <v>3.1290462851507016E-2</v>
      </c>
      <c r="G435" s="217">
        <v>0.77755391133460894</v>
      </c>
      <c r="H435" s="95">
        <v>4.7823843480585215E-2</v>
      </c>
      <c r="I435" s="217">
        <v>2.0407335543528471E-2</v>
      </c>
      <c r="J435" s="95">
        <v>1.8423090067173634E-2</v>
      </c>
      <c r="K435" s="213">
        <v>302</v>
      </c>
      <c r="L435" s="217">
        <v>0.18751842821730896</v>
      </c>
      <c r="M435" s="95">
        <v>4.4996933196237987E-2</v>
      </c>
      <c r="N435" s="217">
        <v>0.11798886320176263</v>
      </c>
      <c r="O435" s="95">
        <v>3.7548710709346365E-2</v>
      </c>
      <c r="P435" s="217">
        <v>0.67863224278913237</v>
      </c>
      <c r="Q435" s="263">
        <v>5.3494768426006416E-2</v>
      </c>
      <c r="R435" s="217">
        <v>1.5860465791796258E-2</v>
      </c>
      <c r="S435" s="95">
        <v>1.6840944334624675E-2</v>
      </c>
      <c r="T435" s="213">
        <v>305</v>
      </c>
      <c r="U435" s="217">
        <v>0.10087733757046737</v>
      </c>
      <c r="V435" s="95">
        <v>3.5030943244521634E-2</v>
      </c>
      <c r="W435" s="217">
        <v>0.10286572724442593</v>
      </c>
      <c r="X435" s="95">
        <v>3.5314801238040393E-2</v>
      </c>
      <c r="Y435" s="217">
        <v>0.77401709384610229</v>
      </c>
      <c r="Z435" s="95">
        <v>4.7846302981453127E-2</v>
      </c>
      <c r="AA435" s="217">
        <v>2.2239841339005025E-2</v>
      </c>
      <c r="AB435" s="95">
        <v>1.890753865422836E-2</v>
      </c>
    </row>
    <row r="436" spans="1:28">
      <c r="A436" s="55" t="s">
        <v>587</v>
      </c>
      <c r="B436" s="212">
        <v>13030</v>
      </c>
      <c r="C436" s="216">
        <v>6.5407235029568175E-2</v>
      </c>
      <c r="D436" s="92">
        <v>4.3353741529717008E-3</v>
      </c>
      <c r="E436" s="216">
        <v>8.8403004147373926E-2</v>
      </c>
      <c r="F436" s="92">
        <v>4.9762942314475912E-3</v>
      </c>
      <c r="G436" s="216">
        <v>0.83855775460414572</v>
      </c>
      <c r="H436" s="92">
        <v>6.4473169400514393E-3</v>
      </c>
      <c r="I436" s="216">
        <v>7.6320062189190038E-3</v>
      </c>
      <c r="J436" s="92">
        <v>1.5394691774901475E-3</v>
      </c>
      <c r="K436" s="212">
        <v>13017</v>
      </c>
      <c r="L436" s="218">
        <v>0.12050272247107685</v>
      </c>
      <c r="M436" s="92">
        <v>5.7082724970920519E-3</v>
      </c>
      <c r="N436" s="216">
        <v>0.14913545402386533</v>
      </c>
      <c r="O436" s="92">
        <v>6.2453655426196724E-3</v>
      </c>
      <c r="P436" s="216">
        <v>0.72148610594624718</v>
      </c>
      <c r="Q436" s="262">
        <v>7.8573809130145326E-3</v>
      </c>
      <c r="R436" s="216">
        <v>8.8757175588223235E-3</v>
      </c>
      <c r="S436" s="92">
        <v>1.6576798623716973E-3</v>
      </c>
      <c r="T436" s="212">
        <v>13016</v>
      </c>
      <c r="U436" s="216">
        <v>6.6957435965542059E-2</v>
      </c>
      <c r="V436" s="92">
        <v>4.3850515272691216E-3</v>
      </c>
      <c r="W436" s="216">
        <v>8.8184864707899671E-2</v>
      </c>
      <c r="X436" s="92">
        <v>4.9734311654825889E-3</v>
      </c>
      <c r="Y436" s="216">
        <v>0.835298799032682</v>
      </c>
      <c r="Z436" s="92">
        <v>6.5028360413946504E-3</v>
      </c>
      <c r="AA436" s="216">
        <v>9.5589002938814178E-3</v>
      </c>
      <c r="AB436" s="92">
        <v>1.7187229233819011E-3</v>
      </c>
    </row>
  </sheetData>
  <mergeCells count="59">
    <mergeCell ref="A293:S293"/>
    <mergeCell ref="A266:D266"/>
    <mergeCell ref="B295:J295"/>
    <mergeCell ref="A324:D324"/>
    <mergeCell ref="A322:D322"/>
    <mergeCell ref="K411:S411"/>
    <mergeCell ref="B411:J411"/>
    <mergeCell ref="A380:D380"/>
    <mergeCell ref="T411:AB411"/>
    <mergeCell ref="A294:S294"/>
    <mergeCell ref="A381:D381"/>
    <mergeCell ref="A382:D382"/>
    <mergeCell ref="K353:S353"/>
    <mergeCell ref="T353:AB353"/>
    <mergeCell ref="A3:D3"/>
    <mergeCell ref="A4:D4"/>
    <mergeCell ref="A5:D5"/>
    <mergeCell ref="A32:BD32"/>
    <mergeCell ref="A149:AH149"/>
    <mergeCell ref="A148:AH148"/>
    <mergeCell ref="A119:D119"/>
    <mergeCell ref="A120:D120"/>
    <mergeCell ref="A121:D121"/>
    <mergeCell ref="M34:W34"/>
    <mergeCell ref="A33:BD33"/>
    <mergeCell ref="M92:W92"/>
    <mergeCell ref="A90:W90"/>
    <mergeCell ref="A235:S235"/>
    <mergeCell ref="A410:AB410"/>
    <mergeCell ref="A409:AB409"/>
    <mergeCell ref="X150:AH150"/>
    <mergeCell ref="A206:D206"/>
    <mergeCell ref="A178:L178"/>
    <mergeCell ref="B150:L150"/>
    <mergeCell ref="M150:W150"/>
    <mergeCell ref="B179:L179"/>
    <mergeCell ref="AC353:AK353"/>
    <mergeCell ref="A207:D207"/>
    <mergeCell ref="A208:D208"/>
    <mergeCell ref="A323:D323"/>
    <mergeCell ref="K295:S295"/>
    <mergeCell ref="A264:D264"/>
    <mergeCell ref="A265:D265"/>
    <mergeCell ref="AL353:AT353"/>
    <mergeCell ref="A352:AT352"/>
    <mergeCell ref="A351:AT351"/>
    <mergeCell ref="B353:J353"/>
    <mergeCell ref="X34:AH34"/>
    <mergeCell ref="AI34:AS34"/>
    <mergeCell ref="B34:L34"/>
    <mergeCell ref="AT34:BD34"/>
    <mergeCell ref="B92:L92"/>
    <mergeCell ref="A91:W91"/>
    <mergeCell ref="A61:D61"/>
    <mergeCell ref="A62:D62"/>
    <mergeCell ref="A63:D63"/>
    <mergeCell ref="B237:J237"/>
    <mergeCell ref="K237:S237"/>
    <mergeCell ref="A236:S236"/>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A59"/>
  <sheetViews>
    <sheetView zoomScaleNormal="100" workbookViewId="0"/>
  </sheetViews>
  <sheetFormatPr defaultColWidth="21.28515625" defaultRowHeight="15"/>
  <cols>
    <col min="1" max="1" width="57.5703125" customWidth="1"/>
  </cols>
  <sheetData>
    <row r="1" spans="1:4" ht="31.5">
      <c r="A1" s="31" t="s">
        <v>52</v>
      </c>
    </row>
    <row r="3" spans="1:4" ht="18.75">
      <c r="A3" s="416" t="s">
        <v>17</v>
      </c>
      <c r="B3" s="416"/>
      <c r="C3" s="416"/>
      <c r="D3" s="416"/>
    </row>
    <row r="4" spans="1:4" ht="176.25" customHeight="1">
      <c r="A4" s="406" t="s">
        <v>435</v>
      </c>
      <c r="B4" s="406"/>
      <c r="C4" s="406"/>
      <c r="D4" s="406"/>
    </row>
    <row r="5" spans="1:4" ht="36.75" customHeight="1">
      <c r="A5" s="389" t="s">
        <v>148</v>
      </c>
      <c r="B5" s="389"/>
      <c r="C5" s="389"/>
      <c r="D5" s="389"/>
    </row>
    <row r="6" spans="1:4" ht="72">
      <c r="A6" s="35" t="s">
        <v>70</v>
      </c>
      <c r="B6" s="36" t="s">
        <v>71</v>
      </c>
      <c r="C6" s="37" t="s">
        <v>550</v>
      </c>
      <c r="D6" s="38" t="s">
        <v>72</v>
      </c>
    </row>
    <row r="7" spans="1:4" ht="60">
      <c r="A7" s="39"/>
      <c r="B7" s="40" t="s">
        <v>73</v>
      </c>
      <c r="C7" s="126" t="s">
        <v>149</v>
      </c>
      <c r="D7" s="42" t="s">
        <v>75</v>
      </c>
    </row>
    <row r="8" spans="1:4">
      <c r="A8" s="43" t="s">
        <v>348</v>
      </c>
      <c r="B8" s="219">
        <v>4275</v>
      </c>
      <c r="C8" s="82">
        <v>4.2385792530181288</v>
      </c>
      <c r="D8" s="83">
        <v>4.3532973073410114E-2</v>
      </c>
    </row>
    <row r="9" spans="1:4">
      <c r="A9" s="47" t="s">
        <v>349</v>
      </c>
      <c r="B9" s="47">
        <v>3994</v>
      </c>
      <c r="C9" s="221">
        <v>4.055070682855435</v>
      </c>
      <c r="D9" s="222">
        <v>4.4276035278054293E-2</v>
      </c>
    </row>
    <row r="10" spans="1:4">
      <c r="A10" s="43" t="s">
        <v>350</v>
      </c>
      <c r="B10" s="51">
        <v>281</v>
      </c>
      <c r="C10" s="82">
        <v>4.8525911245161026</v>
      </c>
      <c r="D10" s="83">
        <v>0.19225820332976956</v>
      </c>
    </row>
    <row r="11" spans="1:4">
      <c r="A11" s="47" t="s">
        <v>574</v>
      </c>
      <c r="B11" s="47">
        <v>582</v>
      </c>
      <c r="C11" s="221">
        <v>4.7581015735172976</v>
      </c>
      <c r="D11" s="222">
        <v>0.12761829326782928</v>
      </c>
    </row>
    <row r="12" spans="1:4">
      <c r="A12" s="43" t="s">
        <v>575</v>
      </c>
      <c r="B12" s="51">
        <v>2039</v>
      </c>
      <c r="C12" s="82">
        <v>3.9387808841853524</v>
      </c>
      <c r="D12" s="83">
        <v>6.2128656709906749E-2</v>
      </c>
    </row>
    <row r="13" spans="1:4">
      <c r="A13" s="47" t="s">
        <v>576</v>
      </c>
      <c r="B13" s="47">
        <v>1386</v>
      </c>
      <c r="C13" s="221">
        <v>3.8367312338367592</v>
      </c>
      <c r="D13" s="222">
        <v>7.4038312340308457E-2</v>
      </c>
    </row>
    <row r="14" spans="1:4">
      <c r="A14" s="43" t="s">
        <v>577</v>
      </c>
      <c r="B14" s="51">
        <v>169</v>
      </c>
      <c r="C14" s="82">
        <v>4.1350169739838467</v>
      </c>
      <c r="D14" s="83">
        <v>0.19845794501372907</v>
      </c>
    </row>
    <row r="15" spans="1:4">
      <c r="A15" s="47" t="s">
        <v>578</v>
      </c>
      <c r="B15" s="47">
        <v>74</v>
      </c>
      <c r="C15" s="221">
        <v>3.9300722386340805</v>
      </c>
      <c r="D15" s="222">
        <v>0.32131935051375676</v>
      </c>
    </row>
    <row r="16" spans="1:4">
      <c r="A16" s="43" t="s">
        <v>581</v>
      </c>
      <c r="B16" s="51">
        <v>2517</v>
      </c>
      <c r="C16" s="82">
        <v>4.4168399608301021</v>
      </c>
      <c r="D16" s="83">
        <v>5.6415927545940728E-2</v>
      </c>
    </row>
    <row r="17" spans="1:79">
      <c r="A17" s="47" t="s">
        <v>580</v>
      </c>
      <c r="B17" s="47">
        <v>1758</v>
      </c>
      <c r="C17" s="221">
        <v>3.5503337186154007</v>
      </c>
      <c r="D17" s="222">
        <v>6.4471737663234677E-2</v>
      </c>
    </row>
    <row r="18" spans="1:79">
      <c r="A18" s="43" t="s">
        <v>583</v>
      </c>
      <c r="B18" s="219">
        <v>427</v>
      </c>
      <c r="C18" s="82">
        <v>3.5383454202508542</v>
      </c>
      <c r="D18" s="83">
        <v>0.12787638132546186</v>
      </c>
    </row>
    <row r="19" spans="1:79">
      <c r="A19" s="47" t="s">
        <v>582</v>
      </c>
      <c r="B19" s="220">
        <v>1331</v>
      </c>
      <c r="C19" s="221">
        <v>3.5554572215764622</v>
      </c>
      <c r="D19" s="222">
        <v>7.4631605272705806E-2</v>
      </c>
    </row>
    <row r="20" spans="1:79">
      <c r="A20" s="43" t="s">
        <v>568</v>
      </c>
      <c r="B20" s="81">
        <v>2177</v>
      </c>
      <c r="C20" s="82">
        <v>4.2011935720029125</v>
      </c>
      <c r="D20" s="83">
        <v>6.2572004654255567E-2</v>
      </c>
    </row>
    <row r="21" spans="1:79">
      <c r="A21" s="47" t="s">
        <v>569</v>
      </c>
      <c r="B21" s="220">
        <v>2095</v>
      </c>
      <c r="C21" s="221">
        <v>4.2766179444249408</v>
      </c>
      <c r="D21" s="222">
        <v>5.9666011429946868E-2</v>
      </c>
    </row>
    <row r="22" spans="1:79">
      <c r="A22" s="55" t="s">
        <v>570</v>
      </c>
      <c r="B22" s="219">
        <v>203</v>
      </c>
      <c r="C22" s="82">
        <v>4.3532284200542035</v>
      </c>
      <c r="D22" s="83">
        <v>0.19027879928075342</v>
      </c>
    </row>
    <row r="23" spans="1:79">
      <c r="A23" s="47" t="s">
        <v>571</v>
      </c>
      <c r="B23" s="220">
        <v>959</v>
      </c>
      <c r="C23" s="221">
        <v>4.1597322884142915</v>
      </c>
      <c r="D23" s="222">
        <v>9.0439978474504135E-2</v>
      </c>
    </row>
    <row r="24" spans="1:79">
      <c r="A24" s="55" t="s">
        <v>572</v>
      </c>
      <c r="B24" s="219">
        <v>1595</v>
      </c>
      <c r="C24" s="82">
        <v>4.0976137737236469</v>
      </c>
      <c r="D24" s="83">
        <v>7.0124412669558711E-2</v>
      </c>
    </row>
    <row r="25" spans="1:79">
      <c r="A25" s="47" t="s">
        <v>573</v>
      </c>
      <c r="B25" s="220">
        <v>1482</v>
      </c>
      <c r="C25" s="221">
        <v>4.4835081396065259</v>
      </c>
      <c r="D25" s="222">
        <v>7.4417804082854061E-2</v>
      </c>
    </row>
    <row r="26" spans="1:79">
      <c r="A26" s="55" t="s">
        <v>579</v>
      </c>
      <c r="B26" s="219">
        <v>2957</v>
      </c>
      <c r="C26" s="82">
        <v>4.1933387767616841</v>
      </c>
      <c r="D26" s="83">
        <v>5.2491185492034347E-2</v>
      </c>
    </row>
    <row r="27" spans="1:79">
      <c r="A27" s="47" t="s">
        <v>585</v>
      </c>
      <c r="B27" s="220">
        <v>338</v>
      </c>
      <c r="C27" s="221">
        <v>4.3669146590578718</v>
      </c>
      <c r="D27" s="222">
        <v>0.15526082893417423</v>
      </c>
    </row>
    <row r="28" spans="1:79">
      <c r="A28" s="55" t="s">
        <v>586</v>
      </c>
      <c r="B28" s="219">
        <v>108</v>
      </c>
      <c r="C28" s="82">
        <v>4.5608677470887162</v>
      </c>
      <c r="D28" s="83">
        <v>0.2817090063199294</v>
      </c>
    </row>
    <row r="29" spans="1:79">
      <c r="A29" s="47" t="s">
        <v>584</v>
      </c>
      <c r="B29" s="220">
        <v>83</v>
      </c>
      <c r="C29" s="221">
        <v>3.6628621005996376</v>
      </c>
      <c r="D29" s="222">
        <v>0.3446203483557837</v>
      </c>
    </row>
    <row r="30" spans="1:79">
      <c r="A30" s="55" t="s">
        <v>587</v>
      </c>
      <c r="B30" s="219">
        <v>4159</v>
      </c>
      <c r="C30" s="82">
        <v>4.2529826056032087</v>
      </c>
      <c r="D30" s="83">
        <v>4.3973269065532429E-2</v>
      </c>
    </row>
    <row r="31" spans="1:79">
      <c r="W31" s="248"/>
      <c r="X31" s="248"/>
      <c r="Y31" s="248"/>
      <c r="Z31" s="248"/>
      <c r="AA31" s="248"/>
      <c r="AB31" s="248"/>
      <c r="AC31" s="248"/>
      <c r="AD31" s="248"/>
      <c r="AE31" s="248"/>
      <c r="AF31" s="248"/>
      <c r="AG31" s="248"/>
      <c r="AH31" s="248"/>
      <c r="AI31" s="248"/>
      <c r="AJ31" s="248"/>
      <c r="AK31" s="248"/>
      <c r="AL31" s="248"/>
      <c r="AM31" s="248"/>
      <c r="AN31" s="248"/>
      <c r="AO31" s="248"/>
      <c r="AP31" s="248"/>
      <c r="AQ31" s="248"/>
      <c r="AR31" s="248"/>
      <c r="AS31" s="248"/>
      <c r="AT31" s="248"/>
      <c r="AU31" s="248"/>
      <c r="AV31" s="248"/>
      <c r="AW31" s="248"/>
      <c r="AX31" s="248"/>
      <c r="AY31" s="248"/>
      <c r="AZ31" s="248"/>
      <c r="BA31" s="248"/>
      <c r="BB31" s="248"/>
      <c r="BC31" s="248"/>
      <c r="BD31" s="248"/>
      <c r="BE31" s="248"/>
      <c r="BF31" s="248"/>
      <c r="BG31" s="248"/>
      <c r="BH31" s="248"/>
      <c r="BI31" s="248"/>
      <c r="BJ31" s="248"/>
      <c r="BK31" s="248"/>
      <c r="BL31" s="248"/>
      <c r="BM31" s="248"/>
      <c r="BN31" s="248"/>
      <c r="BO31" s="248"/>
      <c r="BP31" s="248"/>
      <c r="BQ31" s="248"/>
      <c r="BR31" s="248"/>
      <c r="BS31" s="248"/>
      <c r="BT31" s="248"/>
      <c r="BU31" s="248"/>
      <c r="BV31" s="248"/>
      <c r="BW31" s="248"/>
      <c r="BX31" s="248"/>
      <c r="BY31" s="248"/>
      <c r="BZ31" s="248"/>
      <c r="CA31" s="248"/>
    </row>
    <row r="32" spans="1:79" ht="18.75">
      <c r="A32" s="413" t="s">
        <v>53</v>
      </c>
      <c r="B32" s="413"/>
      <c r="C32" s="413"/>
      <c r="D32" s="413"/>
      <c r="E32" s="413"/>
      <c r="F32" s="413"/>
      <c r="G32" s="413"/>
      <c r="H32" s="413"/>
      <c r="I32" s="413"/>
      <c r="J32" s="413"/>
      <c r="K32" s="413"/>
      <c r="L32" s="413"/>
      <c r="M32" s="413"/>
      <c r="N32" s="413"/>
      <c r="O32" s="413"/>
      <c r="P32" s="413"/>
      <c r="Q32" s="413"/>
      <c r="R32" s="413"/>
      <c r="S32" s="413"/>
      <c r="T32" s="413"/>
      <c r="U32" s="413"/>
      <c r="V32" s="413"/>
      <c r="W32" s="413"/>
      <c r="X32" s="413"/>
      <c r="Y32" s="413"/>
      <c r="Z32" s="413"/>
      <c r="AA32" s="413"/>
      <c r="AB32" s="413"/>
      <c r="AC32" s="413"/>
      <c r="AD32" s="413"/>
      <c r="AE32" s="413"/>
      <c r="AF32" s="413"/>
      <c r="AG32" s="413"/>
      <c r="AH32" s="413"/>
      <c r="AI32" s="413"/>
      <c r="AJ32" s="413"/>
      <c r="AK32" s="413"/>
      <c r="AL32" s="413"/>
      <c r="AM32" s="413"/>
      <c r="AN32" s="413"/>
      <c r="AO32" s="413"/>
      <c r="AP32" s="413"/>
      <c r="AQ32" s="413"/>
      <c r="AR32" s="413"/>
      <c r="AS32" s="413"/>
      <c r="AT32" s="413"/>
      <c r="AU32" s="413"/>
      <c r="AV32" s="413"/>
      <c r="AW32" s="413"/>
      <c r="AX32" s="413"/>
      <c r="AY32" s="413"/>
      <c r="AZ32" s="413"/>
      <c r="BA32" s="413"/>
      <c r="BB32" s="413"/>
      <c r="BC32" s="413"/>
      <c r="BD32" s="413"/>
      <c r="BE32" s="413"/>
      <c r="BF32" s="413"/>
      <c r="BG32" s="413"/>
      <c r="BH32" s="413"/>
      <c r="BI32" s="413"/>
      <c r="BJ32" s="413"/>
      <c r="BK32" s="413"/>
      <c r="BL32" s="413"/>
      <c r="BM32" s="413"/>
      <c r="BN32" s="413"/>
      <c r="BO32" s="413"/>
      <c r="BP32" s="413"/>
      <c r="BQ32" s="413"/>
      <c r="BR32" s="413"/>
      <c r="BS32" s="413"/>
      <c r="BT32" s="413"/>
      <c r="BU32" s="413"/>
      <c r="BV32" s="413"/>
      <c r="BW32" s="413"/>
      <c r="BX32" s="413"/>
      <c r="BY32" s="413"/>
      <c r="BZ32" s="413"/>
    </row>
    <row r="33" spans="1:78" ht="85.5" customHeight="1">
      <c r="A33" s="414" t="s">
        <v>565</v>
      </c>
      <c r="B33" s="414"/>
      <c r="C33" s="414"/>
      <c r="D33" s="414"/>
      <c r="E33" s="414"/>
      <c r="F33" s="414"/>
      <c r="G33" s="414"/>
      <c r="H33" s="414"/>
      <c r="I33" s="414"/>
      <c r="J33" s="414"/>
      <c r="K33" s="414"/>
      <c r="L33" s="414"/>
      <c r="M33" s="414"/>
      <c r="N33" s="414"/>
      <c r="O33" s="414"/>
      <c r="P33" s="414"/>
      <c r="Q33" s="414"/>
      <c r="R33" s="414"/>
      <c r="S33" s="414"/>
      <c r="T33" s="414"/>
      <c r="U33" s="414"/>
      <c r="V33" s="414"/>
      <c r="W33" s="414"/>
      <c r="X33" s="414"/>
      <c r="Y33" s="414"/>
      <c r="Z33" s="414"/>
      <c r="AA33" s="414"/>
      <c r="AB33" s="414"/>
      <c r="AC33" s="414"/>
      <c r="AD33" s="414"/>
      <c r="AE33" s="414"/>
      <c r="AF33" s="414"/>
      <c r="AG33" s="414"/>
      <c r="AH33" s="414"/>
      <c r="AI33" s="414"/>
      <c r="AJ33" s="414"/>
      <c r="AK33" s="414"/>
      <c r="AL33" s="414"/>
      <c r="AM33" s="414"/>
      <c r="AN33" s="414"/>
      <c r="AO33" s="414"/>
      <c r="AP33" s="414"/>
      <c r="AQ33" s="414"/>
      <c r="AR33" s="414"/>
      <c r="AS33" s="414"/>
      <c r="AT33" s="414"/>
      <c r="AU33" s="414"/>
      <c r="AV33" s="414"/>
      <c r="AW33" s="414"/>
      <c r="AX33" s="414"/>
      <c r="AY33" s="414"/>
      <c r="AZ33" s="414"/>
      <c r="BA33" s="414"/>
      <c r="BB33" s="414"/>
      <c r="BC33" s="414"/>
      <c r="BD33" s="414"/>
      <c r="BE33" s="414"/>
      <c r="BF33" s="414"/>
      <c r="BG33" s="414"/>
      <c r="BH33" s="414"/>
      <c r="BI33" s="414"/>
      <c r="BJ33" s="414"/>
      <c r="BK33" s="414"/>
      <c r="BL33" s="414"/>
      <c r="BM33" s="414"/>
      <c r="BN33" s="414"/>
      <c r="BO33" s="414"/>
      <c r="BP33" s="414"/>
      <c r="BQ33" s="414"/>
      <c r="BR33" s="414"/>
      <c r="BS33" s="414"/>
      <c r="BT33" s="414"/>
      <c r="BU33" s="414"/>
      <c r="BV33" s="414"/>
      <c r="BW33" s="414"/>
      <c r="BX33" s="414"/>
      <c r="BY33" s="414"/>
      <c r="BZ33" s="414"/>
    </row>
    <row r="34" spans="1:78" ht="33.75" customHeight="1">
      <c r="A34" s="62"/>
      <c r="B34" s="343" t="s">
        <v>436</v>
      </c>
      <c r="C34" s="343"/>
      <c r="D34" s="343"/>
      <c r="E34" s="343"/>
      <c r="F34" s="343"/>
      <c r="G34" s="343"/>
      <c r="H34" s="343"/>
      <c r="I34" s="392" t="s">
        <v>437</v>
      </c>
      <c r="J34" s="393"/>
      <c r="K34" s="393"/>
      <c r="L34" s="393"/>
      <c r="M34" s="393"/>
      <c r="N34" s="393"/>
      <c r="O34" s="394"/>
      <c r="P34" s="392" t="s">
        <v>438</v>
      </c>
      <c r="Q34" s="393"/>
      <c r="R34" s="393"/>
      <c r="S34" s="393"/>
      <c r="T34" s="393"/>
      <c r="U34" s="393"/>
      <c r="V34" s="394"/>
      <c r="W34" s="392" t="s">
        <v>439</v>
      </c>
      <c r="X34" s="393"/>
      <c r="Y34" s="393"/>
      <c r="Z34" s="393"/>
      <c r="AA34" s="393"/>
      <c r="AB34" s="393"/>
      <c r="AC34" s="394"/>
      <c r="AD34" s="392" t="s">
        <v>440</v>
      </c>
      <c r="AE34" s="393"/>
      <c r="AF34" s="393"/>
      <c r="AG34" s="393"/>
      <c r="AH34" s="393"/>
      <c r="AI34" s="393"/>
      <c r="AJ34" s="394"/>
      <c r="AK34" s="392" t="s">
        <v>441</v>
      </c>
      <c r="AL34" s="393"/>
      <c r="AM34" s="393"/>
      <c r="AN34" s="393"/>
      <c r="AO34" s="393"/>
      <c r="AP34" s="393"/>
      <c r="AQ34" s="394"/>
      <c r="AR34" s="392" t="s">
        <v>442</v>
      </c>
      <c r="AS34" s="393"/>
      <c r="AT34" s="393"/>
      <c r="AU34" s="393"/>
      <c r="AV34" s="393"/>
      <c r="AW34" s="393"/>
      <c r="AX34" s="394"/>
      <c r="AY34" s="392" t="s">
        <v>443</v>
      </c>
      <c r="AZ34" s="393"/>
      <c r="BA34" s="393"/>
      <c r="BB34" s="393"/>
      <c r="BC34" s="393"/>
      <c r="BD34" s="393"/>
      <c r="BE34" s="394"/>
      <c r="BF34" s="392" t="s">
        <v>444</v>
      </c>
      <c r="BG34" s="393"/>
      <c r="BH34" s="393"/>
      <c r="BI34" s="393"/>
      <c r="BJ34" s="393"/>
      <c r="BK34" s="393"/>
      <c r="BL34" s="394"/>
      <c r="BM34" s="343" t="s">
        <v>445</v>
      </c>
      <c r="BN34" s="343"/>
      <c r="BO34" s="343"/>
      <c r="BP34" s="343"/>
      <c r="BQ34" s="343"/>
      <c r="BR34" s="343"/>
      <c r="BS34" s="343"/>
      <c r="BT34" s="343" t="s">
        <v>446</v>
      </c>
      <c r="BU34" s="343"/>
      <c r="BV34" s="343"/>
      <c r="BW34" s="343"/>
      <c r="BX34" s="343"/>
      <c r="BY34" s="343"/>
      <c r="BZ34" s="343"/>
    </row>
    <row r="35" spans="1:78" ht="72">
      <c r="A35" s="35" t="s">
        <v>70</v>
      </c>
      <c r="B35" s="36" t="s">
        <v>71</v>
      </c>
      <c r="C35" s="36" t="s">
        <v>450</v>
      </c>
      <c r="D35" s="87" t="s">
        <v>532</v>
      </c>
      <c r="E35" s="36" t="s">
        <v>448</v>
      </c>
      <c r="F35" s="87" t="s">
        <v>449</v>
      </c>
      <c r="G35" s="36" t="s">
        <v>447</v>
      </c>
      <c r="H35" s="87" t="s">
        <v>451</v>
      </c>
      <c r="I35" s="63" t="s">
        <v>71</v>
      </c>
      <c r="J35" s="63" t="s">
        <v>450</v>
      </c>
      <c r="K35" s="86" t="s">
        <v>532</v>
      </c>
      <c r="L35" s="63" t="s">
        <v>448</v>
      </c>
      <c r="M35" s="86" t="s">
        <v>449</v>
      </c>
      <c r="N35" s="63" t="s">
        <v>447</v>
      </c>
      <c r="O35" s="86" t="s">
        <v>451</v>
      </c>
      <c r="P35" s="36" t="s">
        <v>71</v>
      </c>
      <c r="Q35" s="36" t="s">
        <v>450</v>
      </c>
      <c r="R35" s="87" t="s">
        <v>532</v>
      </c>
      <c r="S35" s="36" t="s">
        <v>448</v>
      </c>
      <c r="T35" s="87" t="s">
        <v>449</v>
      </c>
      <c r="U35" s="36" t="s">
        <v>447</v>
      </c>
      <c r="V35" s="87" t="s">
        <v>451</v>
      </c>
      <c r="W35" s="63" t="s">
        <v>71</v>
      </c>
      <c r="X35" s="63" t="s">
        <v>450</v>
      </c>
      <c r="Y35" s="86" t="s">
        <v>532</v>
      </c>
      <c r="Z35" s="63" t="s">
        <v>448</v>
      </c>
      <c r="AA35" s="86" t="s">
        <v>449</v>
      </c>
      <c r="AB35" s="63" t="s">
        <v>447</v>
      </c>
      <c r="AC35" s="86" t="s">
        <v>451</v>
      </c>
      <c r="AD35" s="36" t="s">
        <v>71</v>
      </c>
      <c r="AE35" s="36" t="s">
        <v>450</v>
      </c>
      <c r="AF35" s="87" t="s">
        <v>532</v>
      </c>
      <c r="AG35" s="36" t="s">
        <v>448</v>
      </c>
      <c r="AH35" s="87" t="s">
        <v>449</v>
      </c>
      <c r="AI35" s="36" t="s">
        <v>447</v>
      </c>
      <c r="AJ35" s="87" t="s">
        <v>451</v>
      </c>
      <c r="AK35" s="63" t="s">
        <v>71</v>
      </c>
      <c r="AL35" s="63" t="s">
        <v>450</v>
      </c>
      <c r="AM35" s="86" t="s">
        <v>532</v>
      </c>
      <c r="AN35" s="63" t="s">
        <v>448</v>
      </c>
      <c r="AO35" s="86" t="s">
        <v>449</v>
      </c>
      <c r="AP35" s="63" t="s">
        <v>447</v>
      </c>
      <c r="AQ35" s="86" t="s">
        <v>451</v>
      </c>
      <c r="AR35" s="36" t="s">
        <v>71</v>
      </c>
      <c r="AS35" s="36" t="s">
        <v>450</v>
      </c>
      <c r="AT35" s="87" t="s">
        <v>532</v>
      </c>
      <c r="AU35" s="36" t="s">
        <v>448</v>
      </c>
      <c r="AV35" s="87" t="s">
        <v>449</v>
      </c>
      <c r="AW35" s="36" t="s">
        <v>447</v>
      </c>
      <c r="AX35" s="87" t="s">
        <v>451</v>
      </c>
      <c r="AY35" s="63" t="s">
        <v>71</v>
      </c>
      <c r="AZ35" s="63" t="s">
        <v>450</v>
      </c>
      <c r="BA35" s="86" t="s">
        <v>532</v>
      </c>
      <c r="BB35" s="63" t="s">
        <v>448</v>
      </c>
      <c r="BC35" s="86" t="s">
        <v>449</v>
      </c>
      <c r="BD35" s="63" t="s">
        <v>447</v>
      </c>
      <c r="BE35" s="86" t="s">
        <v>451</v>
      </c>
      <c r="BF35" s="36" t="s">
        <v>71</v>
      </c>
      <c r="BG35" s="36" t="s">
        <v>450</v>
      </c>
      <c r="BH35" s="87" t="s">
        <v>532</v>
      </c>
      <c r="BI35" s="36" t="s">
        <v>448</v>
      </c>
      <c r="BJ35" s="87" t="s">
        <v>449</v>
      </c>
      <c r="BK35" s="36" t="s">
        <v>447</v>
      </c>
      <c r="BL35" s="87" t="s">
        <v>451</v>
      </c>
      <c r="BM35" s="63" t="s">
        <v>71</v>
      </c>
      <c r="BN35" s="63" t="s">
        <v>450</v>
      </c>
      <c r="BO35" s="86" t="s">
        <v>532</v>
      </c>
      <c r="BP35" s="63" t="s">
        <v>448</v>
      </c>
      <c r="BQ35" s="86" t="s">
        <v>449</v>
      </c>
      <c r="BR35" s="63" t="s">
        <v>447</v>
      </c>
      <c r="BS35" s="86" t="s">
        <v>451</v>
      </c>
      <c r="BT35" s="36" t="s">
        <v>71</v>
      </c>
      <c r="BU35" s="36" t="s">
        <v>450</v>
      </c>
      <c r="BV35" s="87" t="s">
        <v>532</v>
      </c>
      <c r="BW35" s="36" t="s">
        <v>448</v>
      </c>
      <c r="BX35" s="87" t="s">
        <v>449</v>
      </c>
      <c r="BY35" s="36" t="s">
        <v>447</v>
      </c>
      <c r="BZ35" s="87" t="s">
        <v>451</v>
      </c>
    </row>
    <row r="36" spans="1:78" ht="60">
      <c r="A36" s="39"/>
      <c r="B36" s="40" t="s">
        <v>73</v>
      </c>
      <c r="C36" s="40" t="s">
        <v>160</v>
      </c>
      <c r="D36" s="89" t="s">
        <v>87</v>
      </c>
      <c r="E36" s="40" t="s">
        <v>159</v>
      </c>
      <c r="F36" s="89" t="s">
        <v>87</v>
      </c>
      <c r="G36" s="40" t="s">
        <v>158</v>
      </c>
      <c r="H36" s="89" t="s">
        <v>87</v>
      </c>
      <c r="I36" s="66" t="s">
        <v>73</v>
      </c>
      <c r="J36" s="66" t="s">
        <v>160</v>
      </c>
      <c r="K36" s="88" t="s">
        <v>87</v>
      </c>
      <c r="L36" s="66" t="s">
        <v>159</v>
      </c>
      <c r="M36" s="88" t="s">
        <v>87</v>
      </c>
      <c r="N36" s="66" t="s">
        <v>158</v>
      </c>
      <c r="O36" s="88" t="s">
        <v>87</v>
      </c>
      <c r="P36" s="40" t="s">
        <v>73</v>
      </c>
      <c r="Q36" s="40" t="s">
        <v>160</v>
      </c>
      <c r="R36" s="89" t="s">
        <v>87</v>
      </c>
      <c r="S36" s="40" t="s">
        <v>159</v>
      </c>
      <c r="T36" s="89" t="s">
        <v>87</v>
      </c>
      <c r="U36" s="40" t="s">
        <v>158</v>
      </c>
      <c r="V36" s="89" t="s">
        <v>87</v>
      </c>
      <c r="W36" s="66" t="s">
        <v>73</v>
      </c>
      <c r="X36" s="66" t="s">
        <v>160</v>
      </c>
      <c r="Y36" s="88" t="s">
        <v>87</v>
      </c>
      <c r="Z36" s="66" t="s">
        <v>159</v>
      </c>
      <c r="AA36" s="88" t="s">
        <v>87</v>
      </c>
      <c r="AB36" s="66" t="s">
        <v>158</v>
      </c>
      <c r="AC36" s="88" t="s">
        <v>87</v>
      </c>
      <c r="AD36" s="40" t="s">
        <v>73</v>
      </c>
      <c r="AE36" s="40" t="s">
        <v>160</v>
      </c>
      <c r="AF36" s="89" t="s">
        <v>87</v>
      </c>
      <c r="AG36" s="40" t="s">
        <v>159</v>
      </c>
      <c r="AH36" s="89" t="s">
        <v>87</v>
      </c>
      <c r="AI36" s="40" t="s">
        <v>158</v>
      </c>
      <c r="AJ36" s="89" t="s">
        <v>87</v>
      </c>
      <c r="AK36" s="66" t="s">
        <v>73</v>
      </c>
      <c r="AL36" s="66" t="s">
        <v>160</v>
      </c>
      <c r="AM36" s="88" t="s">
        <v>87</v>
      </c>
      <c r="AN36" s="66" t="s">
        <v>159</v>
      </c>
      <c r="AO36" s="88" t="s">
        <v>87</v>
      </c>
      <c r="AP36" s="66" t="s">
        <v>158</v>
      </c>
      <c r="AQ36" s="88" t="s">
        <v>87</v>
      </c>
      <c r="AR36" s="40" t="s">
        <v>73</v>
      </c>
      <c r="AS36" s="40" t="s">
        <v>160</v>
      </c>
      <c r="AT36" s="89" t="s">
        <v>87</v>
      </c>
      <c r="AU36" s="40" t="s">
        <v>159</v>
      </c>
      <c r="AV36" s="89" t="s">
        <v>87</v>
      </c>
      <c r="AW36" s="40" t="s">
        <v>158</v>
      </c>
      <c r="AX36" s="89" t="s">
        <v>87</v>
      </c>
      <c r="AY36" s="66" t="s">
        <v>73</v>
      </c>
      <c r="AZ36" s="66" t="s">
        <v>160</v>
      </c>
      <c r="BA36" s="88" t="s">
        <v>87</v>
      </c>
      <c r="BB36" s="66" t="s">
        <v>159</v>
      </c>
      <c r="BC36" s="88" t="s">
        <v>87</v>
      </c>
      <c r="BD36" s="66" t="s">
        <v>158</v>
      </c>
      <c r="BE36" s="88" t="s">
        <v>87</v>
      </c>
      <c r="BF36" s="40" t="s">
        <v>73</v>
      </c>
      <c r="BG36" s="40" t="s">
        <v>160</v>
      </c>
      <c r="BH36" s="89" t="s">
        <v>87</v>
      </c>
      <c r="BI36" s="40" t="s">
        <v>159</v>
      </c>
      <c r="BJ36" s="89" t="s">
        <v>87</v>
      </c>
      <c r="BK36" s="40" t="s">
        <v>158</v>
      </c>
      <c r="BL36" s="89" t="s">
        <v>87</v>
      </c>
      <c r="BM36" s="66" t="s">
        <v>73</v>
      </c>
      <c r="BN36" s="66" t="s">
        <v>160</v>
      </c>
      <c r="BO36" s="88" t="s">
        <v>87</v>
      </c>
      <c r="BP36" s="66" t="s">
        <v>159</v>
      </c>
      <c r="BQ36" s="88" t="s">
        <v>87</v>
      </c>
      <c r="BR36" s="66" t="s">
        <v>158</v>
      </c>
      <c r="BS36" s="88" t="s">
        <v>87</v>
      </c>
      <c r="BT36" s="40" t="s">
        <v>73</v>
      </c>
      <c r="BU36" s="40" t="s">
        <v>160</v>
      </c>
      <c r="BV36" s="89" t="s">
        <v>87</v>
      </c>
      <c r="BW36" s="40" t="s">
        <v>159</v>
      </c>
      <c r="BX36" s="89" t="s">
        <v>87</v>
      </c>
      <c r="BY36" s="40" t="s">
        <v>158</v>
      </c>
      <c r="BZ36" s="89" t="s">
        <v>87</v>
      </c>
    </row>
    <row r="37" spans="1:78">
      <c r="A37" s="43" t="s">
        <v>348</v>
      </c>
      <c r="B37" s="212">
        <v>5956</v>
      </c>
      <c r="C37" s="216">
        <v>0.37049069428944598</v>
      </c>
      <c r="D37" s="92">
        <v>1.2511735318604604E-2</v>
      </c>
      <c r="E37" s="216">
        <v>0.1599777478250527</v>
      </c>
      <c r="F37" s="92">
        <v>9.5023841602421659E-3</v>
      </c>
      <c r="G37" s="216">
        <v>0.46953155788551576</v>
      </c>
      <c r="H37" s="92">
        <v>1.2929154394251645E-2</v>
      </c>
      <c r="I37" s="212">
        <v>5922</v>
      </c>
      <c r="J37" s="216">
        <v>0.3202704189255845</v>
      </c>
      <c r="K37" s="92">
        <v>1.2123252485466772E-2</v>
      </c>
      <c r="L37" s="216">
        <v>0.20725273765163249</v>
      </c>
      <c r="M37" s="92">
        <v>1.0534634910465399E-2</v>
      </c>
      <c r="N37" s="216">
        <v>0.47247684342279844</v>
      </c>
      <c r="O37" s="92">
        <v>1.2970630604819199E-2</v>
      </c>
      <c r="P37" s="212">
        <v>5468</v>
      </c>
      <c r="Q37" s="216">
        <v>0.30206896910918485</v>
      </c>
      <c r="R37" s="92">
        <v>1.2415814816631163E-2</v>
      </c>
      <c r="S37" s="216">
        <v>0.18346284940323676</v>
      </c>
      <c r="T37" s="92">
        <v>1.046962551040026E-2</v>
      </c>
      <c r="U37" s="216">
        <v>0.51446818148759343</v>
      </c>
      <c r="V37" s="92">
        <v>1.3512799261988374E-2</v>
      </c>
      <c r="W37" s="212">
        <v>5447</v>
      </c>
      <c r="X37" s="216">
        <v>0.35307457444302009</v>
      </c>
      <c r="Y37" s="92">
        <v>1.294739336443374E-2</v>
      </c>
      <c r="Z37" s="216">
        <v>0.10886926160360699</v>
      </c>
      <c r="AA37" s="92">
        <v>8.4472826242000202E-3</v>
      </c>
      <c r="AB37" s="216">
        <v>0.53805616395338862</v>
      </c>
      <c r="AC37" s="92">
        <v>1.3505235281819442E-2</v>
      </c>
      <c r="AD37" s="212">
        <v>6309</v>
      </c>
      <c r="AE37" s="216">
        <v>0.49453297063703761</v>
      </c>
      <c r="AF37" s="92">
        <v>1.2585085660763469E-2</v>
      </c>
      <c r="AG37" s="216">
        <v>0.14843995879291633</v>
      </c>
      <c r="AH37" s="92">
        <v>8.9549662678002472E-3</v>
      </c>
      <c r="AI37" s="216">
        <v>0.35702707057006011</v>
      </c>
      <c r="AJ37" s="92">
        <v>1.2061005418285576E-2</v>
      </c>
      <c r="AK37" s="212">
        <v>5518</v>
      </c>
      <c r="AL37" s="216">
        <v>0.52547463879812939</v>
      </c>
      <c r="AM37" s="92">
        <v>1.3439657691013346E-2</v>
      </c>
      <c r="AN37" s="216">
        <v>0.15759180430687189</v>
      </c>
      <c r="AO37" s="92">
        <v>9.8126758486079737E-3</v>
      </c>
      <c r="AP37" s="216">
        <v>0.31693355689501318</v>
      </c>
      <c r="AQ37" s="92">
        <v>1.2524086529603429E-2</v>
      </c>
      <c r="AR37" s="212">
        <v>6397</v>
      </c>
      <c r="AS37" s="216">
        <v>0.60834290820929027</v>
      </c>
      <c r="AT37" s="92">
        <v>1.2202439694925581E-2</v>
      </c>
      <c r="AU37" s="216">
        <v>0.14008316377450217</v>
      </c>
      <c r="AV37" s="92">
        <v>8.6819811996107551E-3</v>
      </c>
      <c r="AW37" s="216">
        <v>0.25157392801621475</v>
      </c>
      <c r="AX37" s="92">
        <v>1.084931357554981E-2</v>
      </c>
      <c r="AY37" s="212">
        <v>5390</v>
      </c>
      <c r="AZ37" s="216">
        <v>0.24103991578375566</v>
      </c>
      <c r="BA37" s="92">
        <v>1.1650550775255196E-2</v>
      </c>
      <c r="BB37" s="216">
        <v>0.16863534246044068</v>
      </c>
      <c r="BC37" s="92">
        <v>1.0202264964101456E-2</v>
      </c>
      <c r="BD37" s="216">
        <v>0.59032474175581984</v>
      </c>
      <c r="BE37" s="92">
        <v>1.3392163596050935E-2</v>
      </c>
      <c r="BF37" s="212">
        <v>6291</v>
      </c>
      <c r="BG37" s="216">
        <v>0.43285923832274098</v>
      </c>
      <c r="BH37" s="92">
        <v>1.2489813994813911E-2</v>
      </c>
      <c r="BI37" s="216">
        <v>0.1933525925834344</v>
      </c>
      <c r="BJ37" s="92">
        <v>9.9589891674521595E-3</v>
      </c>
      <c r="BK37" s="216">
        <v>0.37378816909383761</v>
      </c>
      <c r="BL37" s="92">
        <v>1.2196193659193085E-2</v>
      </c>
      <c r="BM37" s="212">
        <v>6457</v>
      </c>
      <c r="BN37" s="216">
        <v>0.47806856692483712</v>
      </c>
      <c r="BO37" s="92">
        <v>1.2428893438964349E-2</v>
      </c>
      <c r="BP37" s="216">
        <v>0.13367186186627561</v>
      </c>
      <c r="BQ37" s="92">
        <v>8.4733001245156179E-3</v>
      </c>
      <c r="BR37" s="216">
        <v>0.38825957120890364</v>
      </c>
      <c r="BS37" s="92">
        <v>1.2126596623413729E-2</v>
      </c>
      <c r="BT37" s="212">
        <v>4556</v>
      </c>
      <c r="BU37" s="216">
        <v>0.45051591088299064</v>
      </c>
      <c r="BV37" s="92">
        <v>1.4736147791075243E-2</v>
      </c>
      <c r="BW37" s="216">
        <v>0.16245235770160246</v>
      </c>
      <c r="BX37" s="92">
        <v>1.0932865046227843E-2</v>
      </c>
      <c r="BY37" s="216">
        <v>0.38703173141542258</v>
      </c>
      <c r="BZ37" s="92">
        <v>1.442647875141443E-2</v>
      </c>
    </row>
    <row r="38" spans="1:78">
      <c r="A38" s="47" t="s">
        <v>349</v>
      </c>
      <c r="B38" s="213">
        <v>5550</v>
      </c>
      <c r="C38" s="217">
        <v>0.38847304466882099</v>
      </c>
      <c r="D38" s="95">
        <v>1.3080720773607194E-2</v>
      </c>
      <c r="E38" s="217">
        <v>0.15890324539520123</v>
      </c>
      <c r="F38" s="95">
        <v>9.8172179131273581E-3</v>
      </c>
      <c r="G38" s="217">
        <v>0.45262370993599282</v>
      </c>
      <c r="H38" s="95">
        <v>1.3358002837709698E-2</v>
      </c>
      <c r="I38" s="213">
        <v>5547</v>
      </c>
      <c r="J38" s="217">
        <v>0.34842666060615252</v>
      </c>
      <c r="K38" s="95">
        <v>1.2791261576870834E-2</v>
      </c>
      <c r="L38" s="217">
        <v>0.21645049950628806</v>
      </c>
      <c r="M38" s="95">
        <v>1.1058727314933278E-2</v>
      </c>
      <c r="N38" s="217">
        <v>0.43512283988757489</v>
      </c>
      <c r="O38" s="95">
        <v>1.3308609639994364E-2</v>
      </c>
      <c r="P38" s="213">
        <v>5112</v>
      </c>
      <c r="Q38" s="217">
        <v>0.32866869232172857</v>
      </c>
      <c r="R38" s="95">
        <v>1.3135829378071577E-2</v>
      </c>
      <c r="S38" s="217">
        <v>0.1871438296797075</v>
      </c>
      <c r="T38" s="95">
        <v>1.0911328310163483E-2</v>
      </c>
      <c r="U38" s="217">
        <v>0.48418747799857975</v>
      </c>
      <c r="V38" s="95">
        <v>1.3973904949301797E-2</v>
      </c>
      <c r="W38" s="213">
        <v>5068</v>
      </c>
      <c r="X38" s="217">
        <v>0.3962727834225182</v>
      </c>
      <c r="Y38" s="95">
        <v>1.3736410790152219E-2</v>
      </c>
      <c r="Z38" s="217">
        <v>0.11936256301415138</v>
      </c>
      <c r="AA38" s="95">
        <v>9.1147424722684469E-3</v>
      </c>
      <c r="AB38" s="217">
        <v>0.48436465356334829</v>
      </c>
      <c r="AC38" s="95">
        <v>1.4034542823167717E-2</v>
      </c>
      <c r="AD38" s="213">
        <v>5874</v>
      </c>
      <c r="AE38" s="217">
        <v>0.51061691895571304</v>
      </c>
      <c r="AF38" s="95">
        <v>1.3040294930018449E-2</v>
      </c>
      <c r="AG38" s="217">
        <v>0.15647670014792994</v>
      </c>
      <c r="AH38" s="95">
        <v>9.4831487834469985E-3</v>
      </c>
      <c r="AI38" s="217">
        <v>0.33290638089637303</v>
      </c>
      <c r="AJ38" s="95">
        <v>1.2294384680554087E-2</v>
      </c>
      <c r="AK38" s="213">
        <v>5156</v>
      </c>
      <c r="AL38" s="217">
        <v>0.53898350481879531</v>
      </c>
      <c r="AM38" s="95">
        <v>1.3878840109256026E-2</v>
      </c>
      <c r="AN38" s="217">
        <v>0.16639969075272215</v>
      </c>
      <c r="AO38" s="95">
        <v>1.0376004971847158E-2</v>
      </c>
      <c r="AP38" s="217">
        <v>0.29461680442849547</v>
      </c>
      <c r="AQ38" s="95">
        <v>1.2694475282381528E-2</v>
      </c>
      <c r="AR38" s="213">
        <v>5971</v>
      </c>
      <c r="AS38" s="217">
        <v>0.64401070625015966</v>
      </c>
      <c r="AT38" s="95">
        <v>1.2389459010041251E-2</v>
      </c>
      <c r="AU38" s="217">
        <v>0.1492546452857231</v>
      </c>
      <c r="AV38" s="95">
        <v>9.2258453436001864E-3</v>
      </c>
      <c r="AW38" s="217">
        <v>0.20673464846413378</v>
      </c>
      <c r="AX38" s="95">
        <v>1.048164117595389E-2</v>
      </c>
      <c r="AY38" s="213">
        <v>5052</v>
      </c>
      <c r="AZ38" s="217">
        <v>0.25823944813279925</v>
      </c>
      <c r="BA38" s="95">
        <v>1.2313298109162462E-2</v>
      </c>
      <c r="BB38" s="217">
        <v>0.17417349923654613</v>
      </c>
      <c r="BC38" s="95">
        <v>1.0673706464127512E-2</v>
      </c>
      <c r="BD38" s="217">
        <v>0.56758705263067077</v>
      </c>
      <c r="BE38" s="95">
        <v>1.3934726204684621E-2</v>
      </c>
      <c r="BF38" s="213">
        <v>5856</v>
      </c>
      <c r="BG38" s="217">
        <v>0.44419665227829086</v>
      </c>
      <c r="BH38" s="95">
        <v>1.2981747126674574E-2</v>
      </c>
      <c r="BI38" s="217">
        <v>0.19600221765628845</v>
      </c>
      <c r="BJ38" s="95">
        <v>1.0375590566453752E-2</v>
      </c>
      <c r="BK38" s="217">
        <v>0.35980113006543574</v>
      </c>
      <c r="BL38" s="95">
        <v>1.2539932161268693E-2</v>
      </c>
      <c r="BM38" s="213">
        <v>6034</v>
      </c>
      <c r="BN38" s="217">
        <v>0.53849602365169658</v>
      </c>
      <c r="BO38" s="95">
        <v>1.2831107111497899E-2</v>
      </c>
      <c r="BP38" s="217">
        <v>0.14204966945947903</v>
      </c>
      <c r="BQ38" s="95">
        <v>8.9915962159253359E-3</v>
      </c>
      <c r="BR38" s="217">
        <v>0.31945430688884119</v>
      </c>
      <c r="BS38" s="95">
        <v>1.2002164627389858E-2</v>
      </c>
      <c r="BT38" s="213">
        <v>4248</v>
      </c>
      <c r="BU38" s="217">
        <v>0.48320448927244791</v>
      </c>
      <c r="BV38" s="95">
        <v>1.5327053575894485E-2</v>
      </c>
      <c r="BW38" s="217">
        <v>0.17079028002360352</v>
      </c>
      <c r="BX38" s="95">
        <v>1.1550729697439813E-2</v>
      </c>
      <c r="BY38" s="217">
        <v>0.34600523070396039</v>
      </c>
      <c r="BZ38" s="95">
        <v>1.4591657557280648E-2</v>
      </c>
    </row>
    <row r="39" spans="1:78">
      <c r="A39" s="43" t="s">
        <v>350</v>
      </c>
      <c r="B39" s="212">
        <v>406</v>
      </c>
      <c r="C39" s="216">
        <v>0.31028988831789983</v>
      </c>
      <c r="D39" s="92">
        <v>4.5768120806405306E-2</v>
      </c>
      <c r="E39" s="216">
        <v>0.16357493678704668</v>
      </c>
      <c r="F39" s="92">
        <v>3.6827326790664749E-2</v>
      </c>
      <c r="G39" s="216">
        <v>0.52613517489505268</v>
      </c>
      <c r="H39" s="92">
        <v>4.9320278852422357E-2</v>
      </c>
      <c r="I39" s="212">
        <v>375</v>
      </c>
      <c r="J39" s="216">
        <v>0.21929809867090463</v>
      </c>
      <c r="K39" s="92">
        <v>4.2712866502012371E-2</v>
      </c>
      <c r="L39" s="216">
        <v>0.17426824468730712</v>
      </c>
      <c r="M39" s="92">
        <v>3.9271278656824421E-2</v>
      </c>
      <c r="N39" s="216">
        <v>0.60643365664178683</v>
      </c>
      <c r="O39" s="92">
        <v>5.0214288137453954E-2</v>
      </c>
      <c r="P39" s="212">
        <v>356</v>
      </c>
      <c r="Q39" s="216">
        <v>0.21137750988461954</v>
      </c>
      <c r="R39" s="92">
        <v>4.3274055656972517E-2</v>
      </c>
      <c r="S39" s="216">
        <v>0.17091258826019451</v>
      </c>
      <c r="T39" s="92">
        <v>4.0013156048342872E-2</v>
      </c>
      <c r="U39" s="216">
        <v>0.61770990185518482</v>
      </c>
      <c r="V39" s="92">
        <v>5.1256497812854254E-2</v>
      </c>
      <c r="W39" s="212">
        <v>379</v>
      </c>
      <c r="X39" s="216">
        <v>0.21340357065761784</v>
      </c>
      <c r="Y39" s="92">
        <v>4.20827474893073E-2</v>
      </c>
      <c r="Z39" s="216">
        <v>7.4941698964861456E-2</v>
      </c>
      <c r="AA39" s="92">
        <v>2.7626682320154458E-2</v>
      </c>
      <c r="AB39" s="216">
        <v>0.7116547303775197</v>
      </c>
      <c r="AC39" s="92">
        <v>4.6398558492673735E-2</v>
      </c>
      <c r="AD39" s="212">
        <v>435</v>
      </c>
      <c r="AE39" s="216">
        <v>0.44080889442412685</v>
      </c>
      <c r="AF39" s="92">
        <v>4.7397891097609071E-2</v>
      </c>
      <c r="AG39" s="216">
        <v>0.12159539945304126</v>
      </c>
      <c r="AH39" s="92">
        <v>3.1573388660635991E-2</v>
      </c>
      <c r="AI39" s="216">
        <v>0.43759570612283044</v>
      </c>
      <c r="AJ39" s="92">
        <v>4.7361003677771921E-2</v>
      </c>
      <c r="AK39" s="212">
        <v>362</v>
      </c>
      <c r="AL39" s="216">
        <v>0.47726263714819245</v>
      </c>
      <c r="AM39" s="92">
        <v>5.2217938719598858E-2</v>
      </c>
      <c r="AN39" s="216">
        <v>0.12615720163851249</v>
      </c>
      <c r="AO39" s="92">
        <v>3.5185643231653067E-2</v>
      </c>
      <c r="AP39" s="216">
        <v>0.39658016121329409</v>
      </c>
      <c r="AQ39" s="92">
        <v>5.1165310611946797E-2</v>
      </c>
      <c r="AR39" s="212">
        <v>426</v>
      </c>
      <c r="AS39" s="216">
        <v>0.48556482316850286</v>
      </c>
      <c r="AT39" s="92">
        <v>4.8204552942377576E-2</v>
      </c>
      <c r="AU39" s="216">
        <v>0.10851247540050477</v>
      </c>
      <c r="AV39" s="92">
        <v>3.0434932621178693E-2</v>
      </c>
      <c r="AW39" s="216">
        <v>0.4059227014309913</v>
      </c>
      <c r="AX39" s="92">
        <v>4.7379060942925683E-2</v>
      </c>
      <c r="AY39" s="212">
        <v>338</v>
      </c>
      <c r="AZ39" s="216">
        <v>0.18057630310196704</v>
      </c>
      <c r="BA39" s="92">
        <v>4.1933007871289382E-2</v>
      </c>
      <c r="BB39" s="216">
        <v>0.14916638484659603</v>
      </c>
      <c r="BC39" s="92">
        <v>3.8959883466594493E-2</v>
      </c>
      <c r="BD39" s="216">
        <v>0.67025731205143568</v>
      </c>
      <c r="BE39" s="92">
        <v>5.0919791733677694E-2</v>
      </c>
      <c r="BF39" s="212">
        <v>435</v>
      </c>
      <c r="BG39" s="216">
        <v>0.39534251375533103</v>
      </c>
      <c r="BH39" s="92">
        <v>4.6689543518013819E-2</v>
      </c>
      <c r="BI39" s="216">
        <v>0.18458469767769078</v>
      </c>
      <c r="BJ39" s="92">
        <v>3.7254025364586899E-2</v>
      </c>
      <c r="BK39" s="216">
        <v>0.42007278856697733</v>
      </c>
      <c r="BL39" s="92">
        <v>4.712485496065888E-2</v>
      </c>
      <c r="BM39" s="212">
        <v>423</v>
      </c>
      <c r="BN39" s="216">
        <v>0.26767403684795732</v>
      </c>
      <c r="BO39" s="92">
        <v>4.2961903297575682E-2</v>
      </c>
      <c r="BP39" s="216">
        <v>0.10450225938550252</v>
      </c>
      <c r="BQ39" s="92">
        <v>3.0066026886303492E-2</v>
      </c>
      <c r="BR39" s="216">
        <v>0.62782370376653907</v>
      </c>
      <c r="BS39" s="92">
        <v>4.6815776496627423E-2</v>
      </c>
      <c r="BT39" s="212">
        <v>308</v>
      </c>
      <c r="BU39" s="216">
        <v>0.3402060011741519</v>
      </c>
      <c r="BV39" s="92">
        <v>5.3722506634310468E-2</v>
      </c>
      <c r="BW39" s="216">
        <v>0.13431545166851949</v>
      </c>
      <c r="BX39" s="92">
        <v>3.9171169783900638E-2</v>
      </c>
      <c r="BY39" s="216">
        <v>0.52547854715732867</v>
      </c>
      <c r="BZ39" s="92">
        <v>5.6542176448864799E-2</v>
      </c>
    </row>
    <row r="40" spans="1:78">
      <c r="A40" s="47" t="s">
        <v>574</v>
      </c>
      <c r="B40" s="213">
        <v>855</v>
      </c>
      <c r="C40" s="217">
        <v>0.31513846225191045</v>
      </c>
      <c r="D40" s="95">
        <v>3.1725227225349921E-2</v>
      </c>
      <c r="E40" s="217">
        <v>0.14949984565669663</v>
      </c>
      <c r="F40" s="95">
        <v>2.444171536274467E-2</v>
      </c>
      <c r="G40" s="217">
        <v>0.53536169209139051</v>
      </c>
      <c r="H40" s="95">
        <v>3.4034917990023179E-2</v>
      </c>
      <c r="I40" s="213">
        <v>803</v>
      </c>
      <c r="J40" s="217">
        <v>0.2340904115543076</v>
      </c>
      <c r="K40" s="95">
        <v>2.9868883190067683E-2</v>
      </c>
      <c r="L40" s="217">
        <v>0.17723629093331794</v>
      </c>
      <c r="M40" s="95">
        <v>2.6979615641342675E-2</v>
      </c>
      <c r="N40" s="217">
        <v>0.58867329751237196</v>
      </c>
      <c r="O40" s="95">
        <v>3.4649228334400227E-2</v>
      </c>
      <c r="P40" s="213">
        <v>750</v>
      </c>
      <c r="Q40" s="217">
        <v>0.20558825593684774</v>
      </c>
      <c r="R40" s="95">
        <v>2.9517692300868939E-2</v>
      </c>
      <c r="S40" s="217">
        <v>0.16110975446358938</v>
      </c>
      <c r="T40" s="95">
        <v>2.6896865687689817E-2</v>
      </c>
      <c r="U40" s="217">
        <v>0.63330198959956174</v>
      </c>
      <c r="V40" s="95">
        <v>3.5113957296688141E-2</v>
      </c>
      <c r="W40" s="213">
        <v>745</v>
      </c>
      <c r="X40" s="217">
        <v>0.21103410120612401</v>
      </c>
      <c r="Y40" s="95">
        <v>2.9898644756157614E-2</v>
      </c>
      <c r="Z40" s="217">
        <v>8.0508345180213242E-2</v>
      </c>
      <c r="AA40" s="95">
        <v>2.01332393270779E-2</v>
      </c>
      <c r="AB40" s="217">
        <v>0.70845755361366203</v>
      </c>
      <c r="AC40" s="95">
        <v>3.3249338655396157E-2</v>
      </c>
      <c r="AD40" s="213">
        <v>928</v>
      </c>
      <c r="AE40" s="217">
        <v>0.45163140397425022</v>
      </c>
      <c r="AF40" s="95">
        <v>3.2603780656437306E-2</v>
      </c>
      <c r="AG40" s="217">
        <v>0.12749633903020227</v>
      </c>
      <c r="AH40" s="95">
        <v>2.196656949042252E-2</v>
      </c>
      <c r="AI40" s="217">
        <v>0.42087225699554481</v>
      </c>
      <c r="AJ40" s="95">
        <v>3.2346861338520362E-2</v>
      </c>
      <c r="AK40" s="213">
        <v>791</v>
      </c>
      <c r="AL40" s="217">
        <v>0.48127934017031093</v>
      </c>
      <c r="AM40" s="95">
        <v>3.5441726798665349E-2</v>
      </c>
      <c r="AN40" s="217">
        <v>0.15941225586364333</v>
      </c>
      <c r="AO40" s="95">
        <v>2.6078193754626014E-2</v>
      </c>
      <c r="AP40" s="217">
        <v>0.35930840396604419</v>
      </c>
      <c r="AQ40" s="95">
        <v>3.4048028221605631E-2</v>
      </c>
      <c r="AR40" s="213">
        <v>907</v>
      </c>
      <c r="AS40" s="217">
        <v>0.49580673618488708</v>
      </c>
      <c r="AT40" s="95">
        <v>3.3130323153078033E-2</v>
      </c>
      <c r="AU40" s="217">
        <v>0.13529988122508393</v>
      </c>
      <c r="AV40" s="95">
        <v>2.2777428376805926E-2</v>
      </c>
      <c r="AW40" s="217">
        <v>0.36889338259002658</v>
      </c>
      <c r="AX40" s="95">
        <v>3.1982546641092638E-2</v>
      </c>
      <c r="AY40" s="213">
        <v>716</v>
      </c>
      <c r="AZ40" s="217">
        <v>0.17531626860568608</v>
      </c>
      <c r="BA40" s="95">
        <v>2.8455476815072732E-2</v>
      </c>
      <c r="BB40" s="217">
        <v>0.16226914620425295</v>
      </c>
      <c r="BC40" s="95">
        <v>2.7608544063378742E-2</v>
      </c>
      <c r="BD40" s="217">
        <v>0.66241458519006036</v>
      </c>
      <c r="BE40" s="95">
        <v>3.5269894526419453E-2</v>
      </c>
      <c r="BF40" s="213">
        <v>928</v>
      </c>
      <c r="BG40" s="217">
        <v>0.40285801686120154</v>
      </c>
      <c r="BH40" s="95">
        <v>3.2137330174791028E-2</v>
      </c>
      <c r="BI40" s="217">
        <v>0.18096227596737527</v>
      </c>
      <c r="BJ40" s="95">
        <v>2.5295400466726917E-2</v>
      </c>
      <c r="BK40" s="217">
        <v>0.41617970717142022</v>
      </c>
      <c r="BL40" s="95">
        <v>3.2296529580557398E-2</v>
      </c>
      <c r="BM40" s="213">
        <v>906</v>
      </c>
      <c r="BN40" s="217">
        <v>0.29464261322969176</v>
      </c>
      <c r="BO40" s="95">
        <v>3.0251565664443696E-2</v>
      </c>
      <c r="BP40" s="217">
        <v>0.11788088177099441</v>
      </c>
      <c r="BQ40" s="95">
        <v>2.1510621634958375E-2</v>
      </c>
      <c r="BR40" s="217">
        <v>0.58747650499931114</v>
      </c>
      <c r="BS40" s="95">
        <v>3.2642922244115614E-2</v>
      </c>
      <c r="BT40" s="213">
        <v>638</v>
      </c>
      <c r="BU40" s="217">
        <v>0.35965969279088972</v>
      </c>
      <c r="BV40" s="95">
        <v>3.7900448313935402E-2</v>
      </c>
      <c r="BW40" s="217">
        <v>0.14280526637733496</v>
      </c>
      <c r="BX40" s="95">
        <v>2.7795072509302632E-2</v>
      </c>
      <c r="BY40" s="217">
        <v>0.49753504083177341</v>
      </c>
      <c r="BZ40" s="95">
        <v>3.9466378250039784E-2</v>
      </c>
    </row>
    <row r="41" spans="1:78">
      <c r="A41" s="43" t="s">
        <v>575</v>
      </c>
      <c r="B41" s="212">
        <v>2884</v>
      </c>
      <c r="C41" s="216">
        <v>0.39587811275392254</v>
      </c>
      <c r="D41" s="92">
        <v>1.8201269448572168E-2</v>
      </c>
      <c r="E41" s="216">
        <v>0.1722184903651349</v>
      </c>
      <c r="F41" s="92">
        <v>1.4066359131355849E-2</v>
      </c>
      <c r="G41" s="216">
        <v>0.4319033968809442</v>
      </c>
      <c r="H41" s="92">
        <v>1.8435170869141784E-2</v>
      </c>
      <c r="I41" s="212">
        <v>2877</v>
      </c>
      <c r="J41" s="216">
        <v>0.3662926893085971</v>
      </c>
      <c r="K41" s="92">
        <v>1.7954084037471469E-2</v>
      </c>
      <c r="L41" s="216">
        <v>0.22149482858690711</v>
      </c>
      <c r="M41" s="92">
        <v>1.5482524949339544E-2</v>
      </c>
      <c r="N41" s="216">
        <v>0.41221248210449496</v>
      </c>
      <c r="O41" s="92">
        <v>1.8342067196688319E-2</v>
      </c>
      <c r="P41" s="212">
        <v>2616</v>
      </c>
      <c r="Q41" s="216">
        <v>0.35613909446537634</v>
      </c>
      <c r="R41" s="92">
        <v>1.8713067866958009E-2</v>
      </c>
      <c r="S41" s="216">
        <v>0.19301909273097118</v>
      </c>
      <c r="T41" s="92">
        <v>1.543517596245686E-2</v>
      </c>
      <c r="U41" s="216">
        <v>0.45084181280365238</v>
      </c>
      <c r="V41" s="92">
        <v>1.944225530019594E-2</v>
      </c>
      <c r="W41" s="212">
        <v>2644</v>
      </c>
      <c r="X41" s="216">
        <v>0.4471495166978468</v>
      </c>
      <c r="Y41" s="92">
        <v>1.9324516722912195E-2</v>
      </c>
      <c r="Z41" s="216">
        <v>0.1251316959845569</v>
      </c>
      <c r="AA41" s="92">
        <v>1.2884449547686716E-2</v>
      </c>
      <c r="AB41" s="216">
        <v>0.42771878731759716</v>
      </c>
      <c r="AC41" s="92">
        <v>1.92295404116773E-2</v>
      </c>
      <c r="AD41" s="212">
        <v>3050</v>
      </c>
      <c r="AE41" s="216">
        <v>0.53679521824437071</v>
      </c>
      <c r="AF41" s="92">
        <v>1.8046351443501463E-2</v>
      </c>
      <c r="AG41" s="216">
        <v>0.15469766044862399</v>
      </c>
      <c r="AH41" s="92">
        <v>1.3102708683110854E-2</v>
      </c>
      <c r="AI41" s="216">
        <v>0.30850712130700597</v>
      </c>
      <c r="AJ41" s="92">
        <v>1.671935891471631E-2</v>
      </c>
      <c r="AK41" s="212">
        <v>2673</v>
      </c>
      <c r="AL41" s="216">
        <v>0.56666160624072359</v>
      </c>
      <c r="AM41" s="92">
        <v>1.9155479301547141E-2</v>
      </c>
      <c r="AN41" s="216">
        <v>0.1497388678253484</v>
      </c>
      <c r="AO41" s="92">
        <v>1.3812528529613028E-2</v>
      </c>
      <c r="AP41" s="216">
        <v>0.28359952593393034</v>
      </c>
      <c r="AQ41" s="92">
        <v>1.7429539049988056E-2</v>
      </c>
      <c r="AR41" s="212">
        <v>3103</v>
      </c>
      <c r="AS41" s="216">
        <v>0.67382922220655328</v>
      </c>
      <c r="AT41" s="92">
        <v>1.6824168940001005E-2</v>
      </c>
      <c r="AU41" s="216">
        <v>0.14337492145887465</v>
      </c>
      <c r="AV41" s="92">
        <v>1.2591260081534545E-2</v>
      </c>
      <c r="AW41" s="216">
        <v>0.18279585633457365</v>
      </c>
      <c r="AX41" s="92">
        <v>1.3879820745142752E-2</v>
      </c>
      <c r="AY41" s="212">
        <v>2591</v>
      </c>
      <c r="AZ41" s="216">
        <v>0.26621343622799487</v>
      </c>
      <c r="BA41" s="92">
        <v>1.7359941466624635E-2</v>
      </c>
      <c r="BB41" s="216">
        <v>0.18434185451492166</v>
      </c>
      <c r="BC41" s="92">
        <v>1.5239481933641786E-2</v>
      </c>
      <c r="BD41" s="216">
        <v>0.54944470925708455</v>
      </c>
      <c r="BE41" s="92">
        <v>1.9534574923267201E-2</v>
      </c>
      <c r="BF41" s="212">
        <v>3065</v>
      </c>
      <c r="BG41" s="216">
        <v>0.45695047324634447</v>
      </c>
      <c r="BH41" s="92">
        <v>1.7984156019484256E-2</v>
      </c>
      <c r="BI41" s="216">
        <v>0.19582856769585938</v>
      </c>
      <c r="BJ41" s="92">
        <v>1.4337584052293387E-2</v>
      </c>
      <c r="BK41" s="216">
        <v>0.34722095905779637</v>
      </c>
      <c r="BL41" s="92">
        <v>1.7189999494999698E-2</v>
      </c>
      <c r="BM41" s="212">
        <v>3128</v>
      </c>
      <c r="BN41" s="216">
        <v>0.54737772367068938</v>
      </c>
      <c r="BO41" s="92">
        <v>1.7788349865223169E-2</v>
      </c>
      <c r="BP41" s="216">
        <v>0.15053054758712917</v>
      </c>
      <c r="BQ41" s="92">
        <v>1.2794817249571431E-2</v>
      </c>
      <c r="BR41" s="216">
        <v>0.3020917287421816</v>
      </c>
      <c r="BS41" s="92">
        <v>1.6413101697890571E-2</v>
      </c>
      <c r="BT41" s="212">
        <v>2164</v>
      </c>
      <c r="BU41" s="216">
        <v>0.52139946808364346</v>
      </c>
      <c r="BV41" s="92">
        <v>2.1457232457744838E-2</v>
      </c>
      <c r="BW41" s="216">
        <v>0.17892792705129959</v>
      </c>
      <c r="BX41" s="92">
        <v>1.648508041262698E-2</v>
      </c>
      <c r="BY41" s="216">
        <v>0.2996726048650602</v>
      </c>
      <c r="BZ41" s="92">
        <v>1.9684639302391112E-2</v>
      </c>
    </row>
    <row r="42" spans="1:78">
      <c r="A42" s="47" t="s">
        <v>576</v>
      </c>
      <c r="B42" s="213">
        <v>1864</v>
      </c>
      <c r="C42" s="217">
        <v>0.42484599602660444</v>
      </c>
      <c r="D42" s="95">
        <v>2.2875514469015323E-2</v>
      </c>
      <c r="E42" s="217">
        <v>0.15412940003898767</v>
      </c>
      <c r="F42" s="95">
        <v>1.6741215760411175E-2</v>
      </c>
      <c r="G42" s="217">
        <v>0.42102460393440894</v>
      </c>
      <c r="H42" s="95">
        <v>2.2848048924656143E-2</v>
      </c>
      <c r="I42" s="213">
        <v>1885</v>
      </c>
      <c r="J42" s="217">
        <v>0.37813237285369261</v>
      </c>
      <c r="K42" s="95">
        <v>2.2317365946207767E-2</v>
      </c>
      <c r="L42" s="217">
        <v>0.23849519198205316</v>
      </c>
      <c r="M42" s="95">
        <v>1.9626180444284491E-2</v>
      </c>
      <c r="N42" s="217">
        <v>0.38337243516425606</v>
      </c>
      <c r="O42" s="95">
        <v>2.2376325837811788E-2</v>
      </c>
      <c r="P42" s="213">
        <v>1757</v>
      </c>
      <c r="Q42" s="217">
        <v>0.379427661449246</v>
      </c>
      <c r="R42" s="95">
        <v>2.3129798379638616E-2</v>
      </c>
      <c r="S42" s="217">
        <v>0.19963028868475421</v>
      </c>
      <c r="T42" s="95">
        <v>1.9074999945208997E-2</v>
      </c>
      <c r="U42" s="217">
        <v>0.42094204986600298</v>
      </c>
      <c r="V42" s="95">
        <v>2.3531399248893924E-2</v>
      </c>
      <c r="W42" s="213">
        <v>1728</v>
      </c>
      <c r="X42" s="217">
        <v>0.46070045275934846</v>
      </c>
      <c r="Y42" s="95">
        <v>2.3954473326508966E-2</v>
      </c>
      <c r="Z42" s="217">
        <v>0.13503144471762962</v>
      </c>
      <c r="AA42" s="95">
        <v>1.6466951657157097E-2</v>
      </c>
      <c r="AB42" s="217">
        <v>0.40426810252302481</v>
      </c>
      <c r="AC42" s="95">
        <v>2.3586002308641409E-2</v>
      </c>
      <c r="AD42" s="213">
        <v>1963</v>
      </c>
      <c r="AE42" s="217">
        <v>0.5077222814626835</v>
      </c>
      <c r="AF42" s="95">
        <v>2.2544791710425189E-2</v>
      </c>
      <c r="AG42" s="217">
        <v>0.17092256967601471</v>
      </c>
      <c r="AH42" s="95">
        <v>1.7001930691246607E-2</v>
      </c>
      <c r="AI42" s="217">
        <v>0.32135514886130145</v>
      </c>
      <c r="AJ42" s="95">
        <v>2.1065452639863907E-2</v>
      </c>
      <c r="AK42" s="213">
        <v>1721</v>
      </c>
      <c r="AL42" s="217">
        <v>0.54785198413969161</v>
      </c>
      <c r="AM42" s="95">
        <v>2.3967165690539291E-2</v>
      </c>
      <c r="AN42" s="217">
        <v>0.16893458449302753</v>
      </c>
      <c r="AO42" s="95">
        <v>1.807574473144255E-2</v>
      </c>
      <c r="AP42" s="217">
        <v>0.28321343136728327</v>
      </c>
      <c r="AQ42" s="95">
        <v>2.1708011496690792E-2</v>
      </c>
      <c r="AR42" s="213">
        <v>2003</v>
      </c>
      <c r="AS42" s="217">
        <v>0.67950348312368958</v>
      </c>
      <c r="AT42" s="95">
        <v>2.0839711814332786E-2</v>
      </c>
      <c r="AU42" s="217">
        <v>0.14429574211319843</v>
      </c>
      <c r="AV42" s="95">
        <v>1.5719154212265336E-2</v>
      </c>
      <c r="AW42" s="217">
        <v>0.17620077476311097</v>
      </c>
      <c r="AX42" s="95">
        <v>1.7033134934712025E-2</v>
      </c>
      <c r="AY42" s="213">
        <v>1742</v>
      </c>
      <c r="AZ42" s="217">
        <v>0.32002580091829352</v>
      </c>
      <c r="BA42" s="95">
        <v>2.2335437594706287E-2</v>
      </c>
      <c r="BB42" s="217">
        <v>0.15170031401842002</v>
      </c>
      <c r="BC42" s="95">
        <v>1.7207215963495223E-2</v>
      </c>
      <c r="BD42" s="217">
        <v>0.52827388506328976</v>
      </c>
      <c r="BE42" s="95">
        <v>2.3893820394665071E-2</v>
      </c>
      <c r="BF42" s="213">
        <v>1926</v>
      </c>
      <c r="BG42" s="217">
        <v>0.45237880337376241</v>
      </c>
      <c r="BH42" s="95">
        <v>2.2659525991338903E-2</v>
      </c>
      <c r="BI42" s="217">
        <v>0.20668130191546255</v>
      </c>
      <c r="BJ42" s="95">
        <v>1.8454278867738566E-2</v>
      </c>
      <c r="BK42" s="217">
        <v>0.34093989471077552</v>
      </c>
      <c r="BL42" s="95">
        <v>2.1585095855069847E-2</v>
      </c>
      <c r="BM42" s="213">
        <v>2025</v>
      </c>
      <c r="BN42" s="217">
        <v>0.66645264513999736</v>
      </c>
      <c r="BO42" s="95">
        <v>2.0939145376719929E-2</v>
      </c>
      <c r="BP42" s="217">
        <v>0.12970086665912031</v>
      </c>
      <c r="BQ42" s="95">
        <v>1.4953100022759321E-2</v>
      </c>
      <c r="BR42" s="217">
        <v>0.20384648820088183</v>
      </c>
      <c r="BS42" s="95">
        <v>1.7906089280129291E-2</v>
      </c>
      <c r="BT42" s="213">
        <v>1464</v>
      </c>
      <c r="BU42" s="217">
        <v>0.51259602759702649</v>
      </c>
      <c r="BV42" s="95">
        <v>2.609154934039393E-2</v>
      </c>
      <c r="BW42" s="217">
        <v>0.1794690378540677</v>
      </c>
      <c r="BX42" s="95">
        <v>2.0069296234947891E-2</v>
      </c>
      <c r="BY42" s="217">
        <v>0.30793493454890714</v>
      </c>
      <c r="BZ42" s="95">
        <v>2.4108732273601691E-2</v>
      </c>
    </row>
    <row r="43" spans="1:78">
      <c r="A43" s="43" t="s">
        <v>577</v>
      </c>
      <c r="B43" s="212">
        <v>225</v>
      </c>
      <c r="C43" s="216">
        <v>0.46181472629532239</v>
      </c>
      <c r="D43" s="92">
        <v>6.589556094463965E-2</v>
      </c>
      <c r="E43" s="216">
        <v>0.11159532695652592</v>
      </c>
      <c r="F43" s="92">
        <v>4.2696437885246422E-2</v>
      </c>
      <c r="G43" s="216">
        <v>0.42658994674815154</v>
      </c>
      <c r="H43" s="92">
        <v>6.5390674538378865E-2</v>
      </c>
      <c r="I43" s="212">
        <v>223</v>
      </c>
      <c r="J43" s="216">
        <v>0.4299091214515442</v>
      </c>
      <c r="K43" s="92">
        <v>6.5739960185035348E-2</v>
      </c>
      <c r="L43" s="216">
        <v>0.17594382484103752</v>
      </c>
      <c r="M43" s="92">
        <v>5.1180920554820965E-2</v>
      </c>
      <c r="N43" s="216">
        <v>0.39414705370741798</v>
      </c>
      <c r="O43" s="92">
        <v>6.4921037643196441E-2</v>
      </c>
      <c r="P43" s="212">
        <v>217</v>
      </c>
      <c r="Q43" s="216">
        <v>0.34755150971268284</v>
      </c>
      <c r="R43" s="92">
        <v>6.4182027756174501E-2</v>
      </c>
      <c r="S43" s="216">
        <v>0.25854238633295129</v>
      </c>
      <c r="T43" s="92">
        <v>5.9224183814836233E-2</v>
      </c>
      <c r="U43" s="216">
        <v>0.39390610395436576</v>
      </c>
      <c r="V43" s="92">
        <v>6.5791092904767728E-2</v>
      </c>
      <c r="W43" s="212">
        <v>209</v>
      </c>
      <c r="X43" s="216">
        <v>0.22203180879381551</v>
      </c>
      <c r="Y43" s="92">
        <v>5.7426573960973927E-2</v>
      </c>
      <c r="Z43" s="216">
        <v>6.0050425768046131E-2</v>
      </c>
      <c r="AA43" s="92">
        <v>3.4572046845678273E-2</v>
      </c>
      <c r="AB43" s="216">
        <v>0.71791776543813923</v>
      </c>
      <c r="AC43" s="92">
        <v>6.1937222911389749E-2</v>
      </c>
      <c r="AD43" s="212">
        <v>238</v>
      </c>
      <c r="AE43" s="216">
        <v>0.44317415985627717</v>
      </c>
      <c r="AF43" s="92">
        <v>6.387962482321681E-2</v>
      </c>
      <c r="AG43" s="216">
        <v>0.1774576402417577</v>
      </c>
      <c r="AH43" s="92">
        <v>4.9689470430753765E-2</v>
      </c>
      <c r="AI43" s="216">
        <v>0.37936819990196502</v>
      </c>
      <c r="AJ43" s="92">
        <v>6.244667834456915E-2</v>
      </c>
      <c r="AK43" s="212">
        <v>215</v>
      </c>
      <c r="AL43" s="216">
        <v>0.46462288388582612</v>
      </c>
      <c r="AM43" s="92">
        <v>6.7410520499853063E-2</v>
      </c>
      <c r="AN43" s="216">
        <v>0.16410992254376353</v>
      </c>
      <c r="AO43" s="92">
        <v>5.0794882489070631E-2</v>
      </c>
      <c r="AP43" s="216">
        <v>0.37126719357040999</v>
      </c>
      <c r="AQ43" s="92">
        <v>6.5379497829880048E-2</v>
      </c>
      <c r="AR43" s="212">
        <v>252</v>
      </c>
      <c r="AS43" s="216">
        <v>0.71654030103905086</v>
      </c>
      <c r="AT43" s="92">
        <v>5.6535961112632399E-2</v>
      </c>
      <c r="AU43" s="216">
        <v>0.17453060097900985</v>
      </c>
      <c r="AV43" s="92">
        <v>4.798341692825904E-2</v>
      </c>
      <c r="AW43" s="216">
        <v>0.10892909798193987</v>
      </c>
      <c r="AX43" s="92">
        <v>3.9883712933147263E-2</v>
      </c>
      <c r="AY43" s="212">
        <v>218</v>
      </c>
      <c r="AZ43" s="216">
        <v>0.27297827717949397</v>
      </c>
      <c r="BA43" s="92">
        <v>6.0075277348221448E-2</v>
      </c>
      <c r="BB43" s="216">
        <v>0.13082443726956594</v>
      </c>
      <c r="BC43" s="92">
        <v>4.6222441044381758E-2</v>
      </c>
      <c r="BD43" s="216">
        <v>0.59619728555093954</v>
      </c>
      <c r="BE43" s="92">
        <v>6.590691668184212E-2</v>
      </c>
      <c r="BF43" s="212">
        <v>242</v>
      </c>
      <c r="BG43" s="216">
        <v>0.4179218311110981</v>
      </c>
      <c r="BH43" s="92">
        <v>6.292084029089838E-2</v>
      </c>
      <c r="BI43" s="216">
        <v>0.20617985413628986</v>
      </c>
      <c r="BJ43" s="92">
        <v>5.2024757316669508E-2</v>
      </c>
      <c r="BK43" s="216">
        <v>0.37589831475261237</v>
      </c>
      <c r="BL43" s="92">
        <v>6.1827921797133027E-2</v>
      </c>
      <c r="BM43" s="212">
        <v>259</v>
      </c>
      <c r="BN43" s="216">
        <v>0.68353396683474765</v>
      </c>
      <c r="BO43" s="92">
        <v>5.7492882194969924E-2</v>
      </c>
      <c r="BP43" s="216">
        <v>0.16537020062123114</v>
      </c>
      <c r="BQ43" s="92">
        <v>4.6374757574823185E-2</v>
      </c>
      <c r="BR43" s="216">
        <v>0.15109583254402156</v>
      </c>
      <c r="BS43" s="92">
        <v>4.4796228394490184E-2</v>
      </c>
      <c r="BT43" s="212">
        <v>183</v>
      </c>
      <c r="BU43" s="216">
        <v>0.29398525583910545</v>
      </c>
      <c r="BV43" s="92">
        <v>6.691909228255212E-2</v>
      </c>
      <c r="BW43" s="216">
        <v>7.5095419462989657E-2</v>
      </c>
      <c r="BX43" s="92">
        <v>4.0609604310300126E-2</v>
      </c>
      <c r="BY43" s="216">
        <v>0.63091932469790468</v>
      </c>
      <c r="BZ43" s="92">
        <v>7.0685799398039026E-2</v>
      </c>
    </row>
    <row r="44" spans="1:78">
      <c r="A44" s="47" t="s">
        <v>578</v>
      </c>
      <c r="B44" s="213">
        <v>98</v>
      </c>
      <c r="C44" s="217">
        <v>0.34330083072393841</v>
      </c>
      <c r="D44" s="95">
        <v>9.4419477432440585E-2</v>
      </c>
      <c r="E44" s="217">
        <v>0.29089449848208793</v>
      </c>
      <c r="F44" s="95">
        <v>9.0670069028323932E-2</v>
      </c>
      <c r="G44" s="217">
        <v>0.36580467079397339</v>
      </c>
      <c r="H44" s="95">
        <v>9.5666155943664108E-2</v>
      </c>
      <c r="I44" s="213">
        <v>102</v>
      </c>
      <c r="J44" s="217">
        <v>0.38814161171657291</v>
      </c>
      <c r="K44" s="95">
        <v>9.4851265491827916E-2</v>
      </c>
      <c r="L44" s="217">
        <v>0.28386136430009645</v>
      </c>
      <c r="M44" s="95">
        <v>8.8326857816916085E-2</v>
      </c>
      <c r="N44" s="217">
        <v>0.32799702398333019</v>
      </c>
      <c r="O44" s="95">
        <v>9.1652683069738838E-2</v>
      </c>
      <c r="P44" s="213">
        <v>96</v>
      </c>
      <c r="Q44" s="217">
        <v>0.37791851421329914</v>
      </c>
      <c r="R44" s="95">
        <v>9.7214109210379054E-2</v>
      </c>
      <c r="S44" s="217">
        <v>0.21444209724286614</v>
      </c>
      <c r="T44" s="95">
        <v>8.3630061612745027E-2</v>
      </c>
      <c r="U44" s="217">
        <v>0.40763938854383441</v>
      </c>
      <c r="V44" s="95">
        <v>9.8415101947465375E-2</v>
      </c>
      <c r="W44" s="213">
        <v>92</v>
      </c>
      <c r="X44" s="217">
        <v>0.36828839110511763</v>
      </c>
      <c r="Y44" s="95">
        <v>9.8756349256570994E-2</v>
      </c>
      <c r="Z44" s="217">
        <v>0.22616819997668025</v>
      </c>
      <c r="AA44" s="95">
        <v>8.687505864538804E-2</v>
      </c>
      <c r="AB44" s="217">
        <v>0.40554340891820173</v>
      </c>
      <c r="AC44" s="95">
        <v>0.1003755379192315</v>
      </c>
      <c r="AD44" s="213">
        <v>98</v>
      </c>
      <c r="AE44" s="217">
        <v>0.45516512360720002</v>
      </c>
      <c r="AF44" s="95">
        <v>9.8646606845442242E-2</v>
      </c>
      <c r="AG44" s="217">
        <v>0.2630614433539783</v>
      </c>
      <c r="AH44" s="95">
        <v>8.8156926112023373E-2</v>
      </c>
      <c r="AI44" s="217">
        <v>0.28177343303882113</v>
      </c>
      <c r="AJ44" s="95">
        <v>8.9888613429284253E-2</v>
      </c>
      <c r="AK44" s="213">
        <v>88</v>
      </c>
      <c r="AL44" s="217">
        <v>0.32128154823942745</v>
      </c>
      <c r="AM44" s="95">
        <v>9.7974431552906471E-2</v>
      </c>
      <c r="AN44" s="217">
        <v>0.18645977989249551</v>
      </c>
      <c r="AO44" s="95">
        <v>8.3420143946170575E-2</v>
      </c>
      <c r="AP44" s="217">
        <v>0.49225867186807631</v>
      </c>
      <c r="AQ44" s="95">
        <v>0.10424577349319231</v>
      </c>
      <c r="AR44" s="213">
        <v>99</v>
      </c>
      <c r="AS44" s="217">
        <v>0.78156836361755655</v>
      </c>
      <c r="AT44" s="95">
        <v>8.2851467687936997E-2</v>
      </c>
      <c r="AU44" s="217">
        <v>4.2140912729253729E-2</v>
      </c>
      <c r="AV44" s="95">
        <v>4.677200235916764E-2</v>
      </c>
      <c r="AW44" s="217">
        <v>0.17629072365318951</v>
      </c>
      <c r="AX44" s="95">
        <v>7.7131364082615492E-2</v>
      </c>
      <c r="AY44" s="213">
        <v>94</v>
      </c>
      <c r="AZ44" s="217">
        <v>0.17693777025422011</v>
      </c>
      <c r="BA44" s="95">
        <v>7.9276538601675564E-2</v>
      </c>
      <c r="BB44" s="217">
        <v>0.2896586902181324</v>
      </c>
      <c r="BC44" s="95">
        <v>9.2426371481729053E-2</v>
      </c>
      <c r="BD44" s="217">
        <v>0.53340353952764685</v>
      </c>
      <c r="BE44" s="95">
        <v>0.1008076426657121</v>
      </c>
      <c r="BF44" s="213">
        <v>101</v>
      </c>
      <c r="BG44" s="217">
        <v>0.42476805160741066</v>
      </c>
      <c r="BH44" s="95">
        <v>9.6562472543382169E-2</v>
      </c>
      <c r="BI44" s="217">
        <v>0.34086969446413534</v>
      </c>
      <c r="BJ44" s="95">
        <v>9.2904482758112431E-2</v>
      </c>
      <c r="BK44" s="217">
        <v>0.2343622539284535</v>
      </c>
      <c r="BL44" s="95">
        <v>8.3884374589604821E-2</v>
      </c>
      <c r="BM44" s="213">
        <v>103</v>
      </c>
      <c r="BN44" s="217">
        <v>0.77468079701930381</v>
      </c>
      <c r="BO44" s="95">
        <v>8.2049929178016748E-2</v>
      </c>
      <c r="BP44" s="217">
        <v>0.10982719494458262</v>
      </c>
      <c r="BQ44" s="95">
        <v>6.3814707293434206E-2</v>
      </c>
      <c r="BR44" s="217">
        <v>0.11549200803611359</v>
      </c>
      <c r="BS44" s="95">
        <v>6.4994873882114709E-2</v>
      </c>
      <c r="BT44" s="213">
        <v>80</v>
      </c>
      <c r="BU44" s="217">
        <v>0.36745177099877552</v>
      </c>
      <c r="BV44" s="95">
        <v>0.10557425036678778</v>
      </c>
      <c r="BW44" s="217">
        <v>0.24538044810353202</v>
      </c>
      <c r="BX44" s="95">
        <v>9.5417944423478451E-2</v>
      </c>
      <c r="BY44" s="217">
        <v>0.38716778089769244</v>
      </c>
      <c r="BZ44" s="95">
        <v>0.10655928558632981</v>
      </c>
    </row>
    <row r="45" spans="1:78">
      <c r="A45" s="43" t="s">
        <v>581</v>
      </c>
      <c r="B45" s="212">
        <v>3579</v>
      </c>
      <c r="C45" s="216">
        <v>0.34953977392877078</v>
      </c>
      <c r="D45" s="92">
        <v>1.5933585230625508E-2</v>
      </c>
      <c r="E45" s="216">
        <v>0.15674467008424203</v>
      </c>
      <c r="F45" s="92">
        <v>1.2159453471254803E-2</v>
      </c>
      <c r="G45" s="216">
        <v>0.49371555598699857</v>
      </c>
      <c r="H45" s="92">
        <v>1.6704841739252487E-2</v>
      </c>
      <c r="I45" s="212">
        <v>3530</v>
      </c>
      <c r="J45" s="216">
        <v>0.29454544847773545</v>
      </c>
      <c r="K45" s="92">
        <v>1.5339357906680423E-2</v>
      </c>
      <c r="L45" s="216">
        <v>0.20386149117227403</v>
      </c>
      <c r="M45" s="92">
        <v>1.3562006057136481E-2</v>
      </c>
      <c r="N45" s="216">
        <v>0.50159306035000195</v>
      </c>
      <c r="O45" s="92">
        <v>1.6821492568277308E-2</v>
      </c>
      <c r="P45" s="212">
        <v>3235</v>
      </c>
      <c r="Q45" s="216">
        <v>0.26734408862457759</v>
      </c>
      <c r="R45" s="92">
        <v>1.555814862919783E-2</v>
      </c>
      <c r="S45" s="216">
        <v>0.18089295362893548</v>
      </c>
      <c r="T45" s="92">
        <v>1.353859909809863E-2</v>
      </c>
      <c r="U45" s="216">
        <v>0.55176295774649897</v>
      </c>
      <c r="V45" s="92">
        <v>1.74767418319683E-2</v>
      </c>
      <c r="W45" s="212">
        <v>3126</v>
      </c>
      <c r="X45" s="216">
        <v>0.25941963927848422</v>
      </c>
      <c r="Y45" s="92">
        <v>1.5675174357896383E-2</v>
      </c>
      <c r="Z45" s="216">
        <v>0.10994191228621659</v>
      </c>
      <c r="AA45" s="92">
        <v>1.1204934418288605E-2</v>
      </c>
      <c r="AB45" s="216">
        <v>0.63063844843531092</v>
      </c>
      <c r="AC45" s="92">
        <v>1.7254982634391194E-2</v>
      </c>
      <c r="AD45" s="212">
        <v>3821</v>
      </c>
      <c r="AE45" s="216">
        <v>0.47789101212924379</v>
      </c>
      <c r="AF45" s="92">
        <v>1.6153259917871299E-2</v>
      </c>
      <c r="AG45" s="216">
        <v>0.14592094792162014</v>
      </c>
      <c r="AH45" s="92">
        <v>1.1428212020269753E-2</v>
      </c>
      <c r="AI45" s="216">
        <v>0.37618803994914735</v>
      </c>
      <c r="AJ45" s="92">
        <v>1.5666546291649982E-2</v>
      </c>
      <c r="AK45" s="212">
        <v>3350</v>
      </c>
      <c r="AL45" s="216">
        <v>0.50639681847400841</v>
      </c>
      <c r="AM45" s="92">
        <v>1.7265653091967134E-2</v>
      </c>
      <c r="AN45" s="216">
        <v>0.15801970472112525</v>
      </c>
      <c r="AO45" s="92">
        <v>1.2609840032996027E-2</v>
      </c>
      <c r="AP45" s="216">
        <v>0.33558347680487671</v>
      </c>
      <c r="AQ45" s="92">
        <v>1.6309164479435822E-2</v>
      </c>
      <c r="AR45" s="212">
        <v>3847</v>
      </c>
      <c r="AS45" s="216">
        <v>0.57781526872389299</v>
      </c>
      <c r="AT45" s="92">
        <v>1.5918428667725318E-2</v>
      </c>
      <c r="AU45" s="216">
        <v>0.1430503513760179</v>
      </c>
      <c r="AV45" s="92">
        <v>1.1296228325100311E-2</v>
      </c>
      <c r="AW45" s="216">
        <v>0.27913437990010037</v>
      </c>
      <c r="AX45" s="92">
        <v>1.4460600697886381E-2</v>
      </c>
      <c r="AY45" s="212">
        <v>3209</v>
      </c>
      <c r="AZ45" s="216">
        <v>0.21504832772469082</v>
      </c>
      <c r="BA45" s="92">
        <v>1.4505205433511364E-2</v>
      </c>
      <c r="BB45" s="216">
        <v>0.16931717030339397</v>
      </c>
      <c r="BC45" s="92">
        <v>1.3245319611824343E-2</v>
      </c>
      <c r="BD45" s="216">
        <v>0.61563450197192682</v>
      </c>
      <c r="BE45" s="92">
        <v>1.7164803569242292E-2</v>
      </c>
      <c r="BF45" s="212">
        <v>3804</v>
      </c>
      <c r="BG45" s="216">
        <v>0.42640763358748152</v>
      </c>
      <c r="BH45" s="92">
        <v>1.6028976369153309E-2</v>
      </c>
      <c r="BI45" s="216">
        <v>0.1897469269297116</v>
      </c>
      <c r="BJ45" s="92">
        <v>1.2716410069211682E-2</v>
      </c>
      <c r="BK45" s="216">
        <v>0.38384543948281796</v>
      </c>
      <c r="BL45" s="92">
        <v>1.5762698211594046E-2</v>
      </c>
      <c r="BM45" s="212">
        <v>3893</v>
      </c>
      <c r="BN45" s="216">
        <v>0.43638356616316637</v>
      </c>
      <c r="BO45" s="92">
        <v>1.5889057667767933E-2</v>
      </c>
      <c r="BP45" s="216">
        <v>0.1332681640561037</v>
      </c>
      <c r="BQ45" s="92">
        <v>1.0901556965472001E-2</v>
      </c>
      <c r="BR45" s="216">
        <v>0.43034826978074192</v>
      </c>
      <c r="BS45" s="92">
        <v>1.5863110544689061E-2</v>
      </c>
      <c r="BT45" s="212">
        <v>2697</v>
      </c>
      <c r="BU45" s="216">
        <v>0.40703979997527662</v>
      </c>
      <c r="BV45" s="92">
        <v>1.8906969482867377E-2</v>
      </c>
      <c r="BW45" s="216">
        <v>0.16555292648212919</v>
      </c>
      <c r="BX45" s="92">
        <v>1.4320404518528534E-2</v>
      </c>
      <c r="BY45" s="216">
        <v>0.42740727354260671</v>
      </c>
      <c r="BZ45" s="92">
        <v>1.9038179169021154E-2</v>
      </c>
    </row>
    <row r="46" spans="1:78">
      <c r="A46" s="47" t="s">
        <v>580</v>
      </c>
      <c r="B46" s="213">
        <v>2377</v>
      </c>
      <c r="C46" s="217">
        <v>0.45364587686670149</v>
      </c>
      <c r="D46" s="95">
        <v>2.0405733673400487E-2</v>
      </c>
      <c r="E46" s="217">
        <v>0.17280998455714922</v>
      </c>
      <c r="F46" s="95">
        <v>1.5516101488995399E-2</v>
      </c>
      <c r="G46" s="217">
        <v>0.37354413857615332</v>
      </c>
      <c r="H46" s="95">
        <v>1.9829707559398072E-2</v>
      </c>
      <c r="I46" s="213">
        <v>2392</v>
      </c>
      <c r="J46" s="217">
        <v>0.41981278475656025</v>
      </c>
      <c r="K46" s="95">
        <v>2.0165900476334254E-2</v>
      </c>
      <c r="L46" s="217">
        <v>0.22037511220811887</v>
      </c>
      <c r="M46" s="95">
        <v>1.6948846386907329E-2</v>
      </c>
      <c r="N46" s="217">
        <v>0.35981210303532513</v>
      </c>
      <c r="O46" s="95">
        <v>1.9612818070049703E-2</v>
      </c>
      <c r="P46" s="213">
        <v>2233</v>
      </c>
      <c r="Q46" s="217">
        <v>0.43792091780104347</v>
      </c>
      <c r="R46" s="95">
        <v>2.0980010807293739E-2</v>
      </c>
      <c r="S46" s="217">
        <v>0.19351688973401224</v>
      </c>
      <c r="T46" s="95">
        <v>1.6723244832778563E-2</v>
      </c>
      <c r="U46" s="217">
        <v>0.36856219246494809</v>
      </c>
      <c r="V46" s="95">
        <v>2.0402118882081679E-2</v>
      </c>
      <c r="W46" s="213">
        <v>2321</v>
      </c>
      <c r="X46" s="217">
        <v>0.68061372616965987</v>
      </c>
      <c r="Y46" s="95">
        <v>1.9343675280298771E-2</v>
      </c>
      <c r="Z46" s="217">
        <v>0.10511788326925642</v>
      </c>
      <c r="AA46" s="95">
        <v>1.2757738847742011E-2</v>
      </c>
      <c r="AB46" s="217">
        <v>0.21426839056108482</v>
      </c>
      <c r="AC46" s="95">
        <v>1.7033206093071913E-2</v>
      </c>
      <c r="AD46" s="213">
        <v>2488</v>
      </c>
      <c r="AE46" s="217">
        <v>0.56235569085852166</v>
      </c>
      <c r="AF46" s="95">
        <v>1.9876191428233075E-2</v>
      </c>
      <c r="AG46" s="217">
        <v>0.15870594818826272</v>
      </c>
      <c r="AH46" s="95">
        <v>1.4659977505282057E-2</v>
      </c>
      <c r="AI46" s="217">
        <v>0.27893836095321828</v>
      </c>
      <c r="AJ46" s="95">
        <v>1.7974857875499319E-2</v>
      </c>
      <c r="AK46" s="213">
        <v>2168</v>
      </c>
      <c r="AL46" s="217">
        <v>0.60266151279361813</v>
      </c>
      <c r="AM46" s="95">
        <v>2.1001595885513268E-2</v>
      </c>
      <c r="AN46" s="217">
        <v>0.15586056379844174</v>
      </c>
      <c r="AO46" s="95">
        <v>1.5591697525675885E-2</v>
      </c>
      <c r="AP46" s="217">
        <v>0.24147792340794441</v>
      </c>
      <c r="AQ46" s="95">
        <v>1.8378678582300734E-2</v>
      </c>
      <c r="AR46" s="213">
        <v>2550</v>
      </c>
      <c r="AS46" s="217">
        <v>0.73046012300950269</v>
      </c>
      <c r="AT46" s="95">
        <v>1.7567605890136555E-2</v>
      </c>
      <c r="AU46" s="217">
        <v>0.12821376634335815</v>
      </c>
      <c r="AV46" s="95">
        <v>1.3256556736309525E-2</v>
      </c>
      <c r="AW46" s="217">
        <v>0.14132611064714401</v>
      </c>
      <c r="AX46" s="95">
        <v>1.3809062187332129E-2</v>
      </c>
      <c r="AY46" s="213">
        <v>2181</v>
      </c>
      <c r="AZ46" s="217">
        <v>0.34260759782909395</v>
      </c>
      <c r="BA46" s="95">
        <v>2.0309650892783276E-2</v>
      </c>
      <c r="BB46" s="217">
        <v>0.165970954528256</v>
      </c>
      <c r="BC46" s="95">
        <v>1.5942272112954164E-2</v>
      </c>
      <c r="BD46" s="217">
        <v>0.49142144764265411</v>
      </c>
      <c r="BE46" s="95">
        <v>2.1389990072589085E-2</v>
      </c>
      <c r="BF46" s="213">
        <v>2487</v>
      </c>
      <c r="BG46" s="217">
        <v>0.45897474148970874</v>
      </c>
      <c r="BH46" s="95">
        <v>1.9968756371211614E-2</v>
      </c>
      <c r="BI46" s="217">
        <v>0.20794799584554322</v>
      </c>
      <c r="BJ46" s="95">
        <v>1.6276383211705027E-2</v>
      </c>
      <c r="BK46" s="217">
        <v>0.33307726266475213</v>
      </c>
      <c r="BL46" s="95">
        <v>1.889038346336204E-2</v>
      </c>
      <c r="BM46" s="213">
        <v>2564</v>
      </c>
      <c r="BN46" s="217">
        <v>0.64437115152089841</v>
      </c>
      <c r="BO46" s="95">
        <v>1.889559161672319E-2</v>
      </c>
      <c r="BP46" s="217">
        <v>0.13528241693405693</v>
      </c>
      <c r="BQ46" s="95">
        <v>1.3522517911844901E-2</v>
      </c>
      <c r="BR46" s="217">
        <v>0.22034643154504788</v>
      </c>
      <c r="BS46" s="95">
        <v>1.6369817063887893E-2</v>
      </c>
      <c r="BT46" s="213">
        <v>1859</v>
      </c>
      <c r="BU46" s="217">
        <v>0.61821296007881665</v>
      </c>
      <c r="BV46" s="95">
        <v>2.2514295066246217E-2</v>
      </c>
      <c r="BW46" s="217">
        <v>0.15049277289819354</v>
      </c>
      <c r="BX46" s="95">
        <v>1.660172133237714E-2</v>
      </c>
      <c r="BY46" s="217">
        <v>0.2312942670229915</v>
      </c>
      <c r="BZ46" s="95">
        <v>1.9555278088074706E-2</v>
      </c>
    </row>
    <row r="47" spans="1:78">
      <c r="A47" s="43" t="s">
        <v>583</v>
      </c>
      <c r="B47" s="212">
        <v>582</v>
      </c>
      <c r="C47" s="216">
        <v>0.46477981372687294</v>
      </c>
      <c r="D47" s="92">
        <v>4.1208403605477235E-2</v>
      </c>
      <c r="E47" s="216">
        <v>0.1727799273465834</v>
      </c>
      <c r="F47" s="92">
        <v>3.1393547549750093E-2</v>
      </c>
      <c r="G47" s="216">
        <v>0.36244025892653958</v>
      </c>
      <c r="H47" s="92">
        <v>3.973760060308703E-2</v>
      </c>
      <c r="I47" s="212">
        <v>607</v>
      </c>
      <c r="J47" s="216">
        <v>0.43664599218177208</v>
      </c>
      <c r="K47" s="92">
        <v>4.0133871773486707E-2</v>
      </c>
      <c r="L47" s="216">
        <v>0.23479339243703948</v>
      </c>
      <c r="M47" s="92">
        <v>3.438335450022089E-2</v>
      </c>
      <c r="N47" s="216">
        <v>0.32856061538118397</v>
      </c>
      <c r="O47" s="92">
        <v>3.8036257029811109E-2</v>
      </c>
      <c r="P47" s="212">
        <v>573</v>
      </c>
      <c r="Q47" s="216">
        <v>0.47346094739004285</v>
      </c>
      <c r="R47" s="92">
        <v>4.1572672176842691E-2</v>
      </c>
      <c r="S47" s="216">
        <v>0.16675871602992637</v>
      </c>
      <c r="T47" s="92">
        <v>3.1207317545866121E-2</v>
      </c>
      <c r="U47" s="216">
        <v>0.35978033658002667</v>
      </c>
      <c r="V47" s="92">
        <v>3.9983541237612073E-2</v>
      </c>
      <c r="W47" s="212">
        <v>558</v>
      </c>
      <c r="X47" s="216">
        <v>0.68531243547497445</v>
      </c>
      <c r="Y47" s="92">
        <v>3.9222551179023263E-2</v>
      </c>
      <c r="Z47" s="216">
        <v>0.11760822223139183</v>
      </c>
      <c r="AA47" s="92">
        <v>2.7447859833326201E-2</v>
      </c>
      <c r="AB47" s="216">
        <v>0.1970793422936315</v>
      </c>
      <c r="AC47" s="92">
        <v>3.369748525981018E-2</v>
      </c>
      <c r="AD47" s="212">
        <v>632</v>
      </c>
      <c r="AE47" s="216">
        <v>0.58494182366185954</v>
      </c>
      <c r="AF47" s="92">
        <v>3.9083474393797085E-2</v>
      </c>
      <c r="AG47" s="216">
        <v>0.15551768346632289</v>
      </c>
      <c r="AH47" s="92">
        <v>2.8902342586786606E-2</v>
      </c>
      <c r="AI47" s="216">
        <v>0.2595404928718153</v>
      </c>
      <c r="AJ47" s="92">
        <v>3.483151212311409E-2</v>
      </c>
      <c r="AK47" s="212">
        <v>532</v>
      </c>
      <c r="AL47" s="216">
        <v>0.58803159710376984</v>
      </c>
      <c r="AM47" s="92">
        <v>4.2528802481723325E-2</v>
      </c>
      <c r="AN47" s="216">
        <v>0.16198488540993239</v>
      </c>
      <c r="AO47" s="92">
        <v>3.202665705563186E-2</v>
      </c>
      <c r="AP47" s="216">
        <v>0.24998351748629527</v>
      </c>
      <c r="AQ47" s="92">
        <v>3.7498381667627138E-2</v>
      </c>
      <c r="AR47" s="212">
        <v>642</v>
      </c>
      <c r="AS47" s="216">
        <v>0.76708378127261545</v>
      </c>
      <c r="AT47" s="92">
        <v>3.3342848795206721E-2</v>
      </c>
      <c r="AU47" s="216">
        <v>0.11114760894123296</v>
      </c>
      <c r="AV47" s="92">
        <v>2.4965678367827968E-2</v>
      </c>
      <c r="AW47" s="216">
        <v>0.12176860978615077</v>
      </c>
      <c r="AX47" s="92">
        <v>2.5944350880445954E-2</v>
      </c>
      <c r="AY47" s="212">
        <v>525</v>
      </c>
      <c r="AZ47" s="216">
        <v>0.27573609032647761</v>
      </c>
      <c r="BA47" s="92">
        <v>3.8933166288082841E-2</v>
      </c>
      <c r="BB47" s="216">
        <v>0.17628439813517438</v>
      </c>
      <c r="BC47" s="92">
        <v>3.3315467616448463E-2</v>
      </c>
      <c r="BD47" s="216">
        <v>0.54797951153834346</v>
      </c>
      <c r="BE47" s="92">
        <v>4.3280650772609466E-2</v>
      </c>
      <c r="BF47" s="212">
        <v>616</v>
      </c>
      <c r="BG47" s="216">
        <v>0.47266920893663816</v>
      </c>
      <c r="BH47" s="92">
        <v>4.010169613648764E-2</v>
      </c>
      <c r="BI47" s="216">
        <v>0.2107030090917717</v>
      </c>
      <c r="BJ47" s="92">
        <v>3.2861750873223058E-2</v>
      </c>
      <c r="BK47" s="216">
        <v>0.31662778197158625</v>
      </c>
      <c r="BL47" s="92">
        <v>3.7399940124373386E-2</v>
      </c>
      <c r="BM47" s="212">
        <v>654</v>
      </c>
      <c r="BN47" s="216">
        <v>0.75953694495321056</v>
      </c>
      <c r="BO47" s="92">
        <v>3.3395215112333329E-2</v>
      </c>
      <c r="BP47" s="216">
        <v>9.5364063156488557E-2</v>
      </c>
      <c r="BQ47" s="92">
        <v>2.3162482670079709E-2</v>
      </c>
      <c r="BR47" s="216">
        <v>0.14509899189029982</v>
      </c>
      <c r="BS47" s="92">
        <v>2.7628889365343055E-2</v>
      </c>
      <c r="BT47" s="212">
        <v>443</v>
      </c>
      <c r="BU47" s="216">
        <v>0.61100156593924393</v>
      </c>
      <c r="BV47" s="92">
        <v>4.6139384390421471E-2</v>
      </c>
      <c r="BW47" s="216">
        <v>0.15981436527710705</v>
      </c>
      <c r="BX47" s="92">
        <v>3.4928579168559216E-2</v>
      </c>
      <c r="BY47" s="216">
        <v>0.22918406878364636</v>
      </c>
      <c r="BZ47" s="92">
        <v>3.9906541142464849E-2</v>
      </c>
    </row>
    <row r="48" spans="1:78">
      <c r="A48" s="47" t="s">
        <v>582</v>
      </c>
      <c r="B48" s="213">
        <v>1795</v>
      </c>
      <c r="C48" s="217">
        <v>0.4490634628713927</v>
      </c>
      <c r="D48" s="95">
        <v>2.3454661906076361E-2</v>
      </c>
      <c r="E48" s="217">
        <v>0.17282235525621942</v>
      </c>
      <c r="F48" s="95">
        <v>1.7858083031783271E-2</v>
      </c>
      <c r="G48" s="217">
        <v>0.37811418187239731</v>
      </c>
      <c r="H48" s="95">
        <v>2.2868735703752786E-2</v>
      </c>
      <c r="I48" s="213">
        <v>1785</v>
      </c>
      <c r="J48" s="217">
        <v>0.41274638760308868</v>
      </c>
      <c r="K48" s="95">
        <v>2.3281436720153099E-2</v>
      </c>
      <c r="L48" s="217">
        <v>0.21432247519165756</v>
      </c>
      <c r="M48" s="95">
        <v>1.9424526370534993E-2</v>
      </c>
      <c r="N48" s="217">
        <v>0.37293113720526078</v>
      </c>
      <c r="O48" s="95">
        <v>2.2869871600488815E-2</v>
      </c>
      <c r="P48" s="213">
        <v>1660</v>
      </c>
      <c r="Q48" s="217">
        <v>0.42295050758670677</v>
      </c>
      <c r="R48" s="95">
        <v>2.4223115692230537E-2</v>
      </c>
      <c r="S48" s="217">
        <v>0.20478814756832051</v>
      </c>
      <c r="T48" s="95">
        <v>1.9810911981726499E-2</v>
      </c>
      <c r="U48" s="217">
        <v>0.3722613448449747</v>
      </c>
      <c r="V48" s="95">
        <v>2.3704977041244461E-2</v>
      </c>
      <c r="W48" s="213">
        <v>1763</v>
      </c>
      <c r="X48" s="217">
        <v>0.67867129059123488</v>
      </c>
      <c r="Y48" s="95">
        <v>2.2225929375092473E-2</v>
      </c>
      <c r="Z48" s="217">
        <v>9.9954405980030372E-2</v>
      </c>
      <c r="AA48" s="95">
        <v>1.432797647073434E-2</v>
      </c>
      <c r="AB48" s="217">
        <v>0.22137430342874029</v>
      </c>
      <c r="AC48" s="95">
        <v>1.9773407938352111E-2</v>
      </c>
      <c r="AD48" s="213">
        <v>1856</v>
      </c>
      <c r="AE48" s="217">
        <v>0.55260546885939488</v>
      </c>
      <c r="AF48" s="95">
        <v>2.3058810009738629E-2</v>
      </c>
      <c r="AG48" s="217">
        <v>0.16008229220879877</v>
      </c>
      <c r="AH48" s="95">
        <v>1.7035849689434966E-2</v>
      </c>
      <c r="AI48" s="217">
        <v>0.28731223893181318</v>
      </c>
      <c r="AJ48" s="95">
        <v>2.0994534408269691E-2</v>
      </c>
      <c r="AK48" s="213">
        <v>1636</v>
      </c>
      <c r="AL48" s="217">
        <v>0.60867759658701925</v>
      </c>
      <c r="AM48" s="95">
        <v>2.4105799499315315E-2</v>
      </c>
      <c r="AN48" s="217">
        <v>0.15334213288102616</v>
      </c>
      <c r="AO48" s="95">
        <v>1.7834866617899237E-2</v>
      </c>
      <c r="AP48" s="217">
        <v>0.23798027053195653</v>
      </c>
      <c r="AQ48" s="95">
        <v>2.1050470834700186E-2</v>
      </c>
      <c r="AR48" s="213">
        <v>1908</v>
      </c>
      <c r="AS48" s="217">
        <v>0.71530557056164368</v>
      </c>
      <c r="AT48" s="95">
        <v>2.0650370466942927E-2</v>
      </c>
      <c r="AU48" s="217">
        <v>0.13527559439930628</v>
      </c>
      <c r="AV48" s="95">
        <v>1.5680659347484582E-2</v>
      </c>
      <c r="AW48" s="217">
        <v>0.14941883503905615</v>
      </c>
      <c r="AX48" s="95">
        <v>1.6338890428090717E-2</v>
      </c>
      <c r="AY48" s="213">
        <v>1656</v>
      </c>
      <c r="AZ48" s="217">
        <v>0.36926449223301971</v>
      </c>
      <c r="BA48" s="95">
        <v>2.3694364016882175E-2</v>
      </c>
      <c r="BB48" s="217">
        <v>0.1618597210980873</v>
      </c>
      <c r="BC48" s="95">
        <v>1.811685752197343E-2</v>
      </c>
      <c r="BD48" s="217">
        <v>0.4688757866688939</v>
      </c>
      <c r="BE48" s="95">
        <v>2.4496665434929281E-2</v>
      </c>
      <c r="BF48" s="213">
        <v>1871</v>
      </c>
      <c r="BG48" s="217">
        <v>0.4532681881591813</v>
      </c>
      <c r="BH48" s="95">
        <v>2.2993353039997267E-2</v>
      </c>
      <c r="BI48" s="217">
        <v>0.20679996799584113</v>
      </c>
      <c r="BJ48" s="95">
        <v>1.872752779478765E-2</v>
      </c>
      <c r="BK48" s="217">
        <v>0.33993184384498648</v>
      </c>
      <c r="BL48" s="95">
        <v>2.1883930836167596E-2</v>
      </c>
      <c r="BM48" s="213">
        <v>1910</v>
      </c>
      <c r="BN48" s="217">
        <v>0.59465128300627779</v>
      </c>
      <c r="BO48" s="95">
        <v>2.2445966286852966E-2</v>
      </c>
      <c r="BP48" s="217">
        <v>0.15251613922250201</v>
      </c>
      <c r="BQ48" s="95">
        <v>1.6467511511315334E-2</v>
      </c>
      <c r="BR48" s="217">
        <v>0.25283257777122725</v>
      </c>
      <c r="BS48" s="95">
        <v>1.9882798992127006E-2</v>
      </c>
      <c r="BT48" s="213">
        <v>1416</v>
      </c>
      <c r="BU48" s="217">
        <v>0.62125381648165701</v>
      </c>
      <c r="BV48" s="95">
        <v>2.5749619236552609E-2</v>
      </c>
      <c r="BW48" s="217">
        <v>0.14656210105839632</v>
      </c>
      <c r="BX48" s="95">
        <v>1.8823451489055766E-2</v>
      </c>
      <c r="BY48" s="217">
        <v>0.23218408245994879</v>
      </c>
      <c r="BZ48" s="95">
        <v>2.243476626366819E-2</v>
      </c>
    </row>
    <row r="49" spans="1:78">
      <c r="A49" s="43" t="s">
        <v>568</v>
      </c>
      <c r="B49" s="212">
        <v>3280</v>
      </c>
      <c r="C49" s="216">
        <v>0.38427081199221924</v>
      </c>
      <c r="D49" s="92">
        <v>1.6977428658176346E-2</v>
      </c>
      <c r="E49" s="216">
        <v>0.16720906237829847</v>
      </c>
      <c r="F49" s="92">
        <v>1.3036060732162132E-2</v>
      </c>
      <c r="G49" s="216">
        <v>0.44852012562947957</v>
      </c>
      <c r="H49" s="92">
        <v>1.7357608439522346E-2</v>
      </c>
      <c r="I49" s="212">
        <v>3238</v>
      </c>
      <c r="J49" s="216">
        <v>0.35530567909792188</v>
      </c>
      <c r="K49" s="92">
        <v>1.6813201852373057E-2</v>
      </c>
      <c r="L49" s="216">
        <v>0.2077122705983529</v>
      </c>
      <c r="M49" s="92">
        <v>1.4258500351431121E-2</v>
      </c>
      <c r="N49" s="216">
        <v>0.43698205030372206</v>
      </c>
      <c r="O49" s="92">
        <v>1.7423084926294581E-2</v>
      </c>
      <c r="P49" s="212">
        <v>2915</v>
      </c>
      <c r="Q49" s="216">
        <v>0.32519078848720862</v>
      </c>
      <c r="R49" s="92">
        <v>1.7344243758257556E-2</v>
      </c>
      <c r="S49" s="216">
        <v>0.17867590322215474</v>
      </c>
      <c r="T49" s="92">
        <v>1.4194537514448699E-2</v>
      </c>
      <c r="U49" s="216">
        <v>0.49613330829063451</v>
      </c>
      <c r="V49" s="92">
        <v>1.8508447915831484E-2</v>
      </c>
      <c r="W49" s="212">
        <v>2915</v>
      </c>
      <c r="X49" s="216">
        <v>0.36021628225652841</v>
      </c>
      <c r="Y49" s="92">
        <v>1.7773036255487474E-2</v>
      </c>
      <c r="Z49" s="216">
        <v>0.10747211883701474</v>
      </c>
      <c r="AA49" s="92">
        <v>1.1490130097581396E-2</v>
      </c>
      <c r="AB49" s="216">
        <v>0.53231159890645674</v>
      </c>
      <c r="AC49" s="92">
        <v>1.8470417260453748E-2</v>
      </c>
      <c r="AD49" s="212">
        <v>3536</v>
      </c>
      <c r="AE49" s="216">
        <v>0.51712124283036909</v>
      </c>
      <c r="AF49" s="92">
        <v>1.6797481823853256E-2</v>
      </c>
      <c r="AG49" s="216">
        <v>0.15335125225524993</v>
      </c>
      <c r="AH49" s="92">
        <v>1.212487066206E-2</v>
      </c>
      <c r="AI49" s="216">
        <v>0.32952750491438065</v>
      </c>
      <c r="AJ49" s="92">
        <v>1.5802623167829929E-2</v>
      </c>
      <c r="AK49" s="212">
        <v>3006</v>
      </c>
      <c r="AL49" s="216">
        <v>0.53873569790678355</v>
      </c>
      <c r="AM49" s="92">
        <v>1.8172431055497689E-2</v>
      </c>
      <c r="AN49" s="216">
        <v>0.16735267163413392</v>
      </c>
      <c r="AO49" s="92">
        <v>1.3622321782123963E-2</v>
      </c>
      <c r="AP49" s="216">
        <v>0.2939116304590807</v>
      </c>
      <c r="AQ49" s="92">
        <v>1.6611263537786584E-2</v>
      </c>
      <c r="AR49" s="212">
        <v>3590</v>
      </c>
      <c r="AS49" s="216">
        <v>0.60827992854277113</v>
      </c>
      <c r="AT49" s="92">
        <v>1.6285623273862224E-2</v>
      </c>
      <c r="AU49" s="216">
        <v>0.13521886775009431</v>
      </c>
      <c r="AV49" s="92">
        <v>1.1422515084529301E-2</v>
      </c>
      <c r="AW49" s="216">
        <v>0.25650120370713575</v>
      </c>
      <c r="AX49" s="92">
        <v>1.4573905144496996E-2</v>
      </c>
      <c r="AY49" s="212">
        <v>2837</v>
      </c>
      <c r="AZ49" s="216">
        <v>0.26395994393816574</v>
      </c>
      <c r="BA49" s="92">
        <v>1.6545857245052403E-2</v>
      </c>
      <c r="BB49" s="216">
        <v>0.18563914546846377</v>
      </c>
      <c r="BC49" s="92">
        <v>1.4602817720437537E-2</v>
      </c>
      <c r="BD49" s="216">
        <v>0.55040091059336904</v>
      </c>
      <c r="BE49" s="92">
        <v>1.8666071907953125E-2</v>
      </c>
      <c r="BF49" s="212">
        <v>3510</v>
      </c>
      <c r="BG49" s="216">
        <v>0.44023835746284912</v>
      </c>
      <c r="BH49" s="92">
        <v>1.6748726274548233E-2</v>
      </c>
      <c r="BI49" s="216">
        <v>0.21999054599602105</v>
      </c>
      <c r="BJ49" s="92">
        <v>1.3983204096178261E-2</v>
      </c>
      <c r="BK49" s="216">
        <v>0.3397710965411278</v>
      </c>
      <c r="BL49" s="92">
        <v>1.5981816405820956E-2</v>
      </c>
      <c r="BM49" s="212">
        <v>3633</v>
      </c>
      <c r="BN49" s="216">
        <v>0.47592575413712346</v>
      </c>
      <c r="BO49" s="92">
        <v>1.6562483811877131E-2</v>
      </c>
      <c r="BP49" s="216">
        <v>0.13404297625327233</v>
      </c>
      <c r="BQ49" s="92">
        <v>1.1313022039311178E-2</v>
      </c>
      <c r="BR49" s="216">
        <v>0.3900312696096026</v>
      </c>
      <c r="BS49" s="92">
        <v>1.6176557610805369E-2</v>
      </c>
      <c r="BT49" s="212">
        <v>2424</v>
      </c>
      <c r="BU49" s="216">
        <v>0.46740914723253274</v>
      </c>
      <c r="BV49" s="92">
        <v>2.025135841229293E-2</v>
      </c>
      <c r="BW49" s="216">
        <v>0.16227515116853694</v>
      </c>
      <c r="BX49" s="92">
        <v>1.498584868203159E-2</v>
      </c>
      <c r="BY49" s="216">
        <v>0.37031570159892852</v>
      </c>
      <c r="BZ49" s="92">
        <v>1.9602194959496808E-2</v>
      </c>
    </row>
    <row r="50" spans="1:78">
      <c r="A50" s="47" t="s">
        <v>569</v>
      </c>
      <c r="B50" s="213">
        <v>2672</v>
      </c>
      <c r="C50" s="217">
        <v>0.35368615689274302</v>
      </c>
      <c r="D50" s="95">
        <v>1.8487510861644175E-2</v>
      </c>
      <c r="E50" s="217">
        <v>0.15170890915222407</v>
      </c>
      <c r="F50" s="95">
        <v>1.3889145559784294E-2</v>
      </c>
      <c r="G50" s="217">
        <v>0.49460493395503258</v>
      </c>
      <c r="H50" s="95">
        <v>1.932999482332954E-2</v>
      </c>
      <c r="I50" s="213">
        <v>2679</v>
      </c>
      <c r="J50" s="217">
        <v>0.27838472102505213</v>
      </c>
      <c r="K50" s="95">
        <v>1.7312242957888739E-2</v>
      </c>
      <c r="L50" s="217">
        <v>0.20680300816047542</v>
      </c>
      <c r="M50" s="95">
        <v>1.5650471044268408E-2</v>
      </c>
      <c r="N50" s="217">
        <v>0.51481227081446979</v>
      </c>
      <c r="O50" s="95">
        <v>1.9297434564364967E-2</v>
      </c>
      <c r="P50" s="213">
        <v>2548</v>
      </c>
      <c r="Q50" s="217">
        <v>0.27591624022719491</v>
      </c>
      <c r="R50" s="95">
        <v>1.7702866000454599E-2</v>
      </c>
      <c r="S50" s="217">
        <v>0.18878522242498125</v>
      </c>
      <c r="T50" s="95">
        <v>1.5508554815188725E-2</v>
      </c>
      <c r="U50" s="217">
        <v>0.53529853734782074</v>
      </c>
      <c r="V50" s="95">
        <v>1.9745953758549439E-2</v>
      </c>
      <c r="W50" s="213">
        <v>2528</v>
      </c>
      <c r="X50" s="217">
        <v>0.34484044126732655</v>
      </c>
      <c r="Y50" s="95">
        <v>1.8895301286849422E-2</v>
      </c>
      <c r="Z50" s="217">
        <v>0.11054552136729176</v>
      </c>
      <c r="AA50" s="95">
        <v>1.2493540560774256E-2</v>
      </c>
      <c r="AB50" s="217">
        <v>0.5446140373653785</v>
      </c>
      <c r="AC50" s="95">
        <v>1.9794196714649E-2</v>
      </c>
      <c r="AD50" s="213">
        <v>2767</v>
      </c>
      <c r="AE50" s="217">
        <v>0.46625029977278926</v>
      </c>
      <c r="AF50" s="95">
        <v>1.8953655565486064E-2</v>
      </c>
      <c r="AG50" s="217">
        <v>0.1427209700168651</v>
      </c>
      <c r="AH50" s="95">
        <v>1.33097324844912E-2</v>
      </c>
      <c r="AI50" s="217">
        <v>0.39102873021034507</v>
      </c>
      <c r="AJ50" s="95">
        <v>1.8541535902041436E-2</v>
      </c>
      <c r="AK50" s="213">
        <v>2507</v>
      </c>
      <c r="AL50" s="217">
        <v>0.50944615724948927</v>
      </c>
      <c r="AM50" s="95">
        <v>1.9952594322185189E-2</v>
      </c>
      <c r="AN50" s="217">
        <v>0.14652303069654818</v>
      </c>
      <c r="AO50" s="95">
        <v>1.4136603320418439E-2</v>
      </c>
      <c r="AP50" s="217">
        <v>0.34403081205395969</v>
      </c>
      <c r="AQ50" s="95">
        <v>1.8963632599763167E-2</v>
      </c>
      <c r="AR50" s="213">
        <v>2802</v>
      </c>
      <c r="AS50" s="217">
        <v>0.60780495698338899</v>
      </c>
      <c r="AT50" s="95">
        <v>1.8435269510264227E-2</v>
      </c>
      <c r="AU50" s="217">
        <v>0.14628995516898421</v>
      </c>
      <c r="AV50" s="95">
        <v>1.3361877293845699E-2</v>
      </c>
      <c r="AW50" s="217">
        <v>0.24590508784762527</v>
      </c>
      <c r="AX50" s="95">
        <v>1.6266653583145628E-2</v>
      </c>
      <c r="AY50" s="213">
        <v>2549</v>
      </c>
      <c r="AZ50" s="217">
        <v>0.21617076860468601</v>
      </c>
      <c r="BA50" s="95">
        <v>1.6305601222614274E-2</v>
      </c>
      <c r="BB50" s="217">
        <v>0.15052969244684258</v>
      </c>
      <c r="BC50" s="95">
        <v>1.4175493738446711E-2</v>
      </c>
      <c r="BD50" s="217">
        <v>0.63329953894846958</v>
      </c>
      <c r="BE50" s="95">
        <v>1.9077300396862243E-2</v>
      </c>
      <c r="BF50" s="213">
        <v>2775</v>
      </c>
      <c r="BG50" s="217">
        <v>0.42355914513463161</v>
      </c>
      <c r="BH50" s="95">
        <v>1.8747142457218969E-2</v>
      </c>
      <c r="BI50" s="217">
        <v>0.16144598795529053</v>
      </c>
      <c r="BJ50" s="95">
        <v>1.3976328133114634E-2</v>
      </c>
      <c r="BK50" s="217">
        <v>0.41499486691007698</v>
      </c>
      <c r="BL50" s="95">
        <v>1.8694141022893275E-2</v>
      </c>
      <c r="BM50" s="213">
        <v>2817</v>
      </c>
      <c r="BN50" s="217">
        <v>0.48026839347624434</v>
      </c>
      <c r="BO50" s="95">
        <v>1.8813126683171123E-2</v>
      </c>
      <c r="BP50" s="217">
        <v>0.13352904735822366</v>
      </c>
      <c r="BQ50" s="95">
        <v>1.2829403452368033E-2</v>
      </c>
      <c r="BR50" s="217">
        <v>0.38620255916553103</v>
      </c>
      <c r="BS50" s="95">
        <v>1.8335053318671579E-2</v>
      </c>
      <c r="BT50" s="213">
        <v>2127</v>
      </c>
      <c r="BU50" s="217">
        <v>0.43114096249990391</v>
      </c>
      <c r="BV50" s="95">
        <v>2.14568512309493E-2</v>
      </c>
      <c r="BW50" s="217">
        <v>0.1629795106359003</v>
      </c>
      <c r="BX50" s="95">
        <v>1.6026912576902072E-2</v>
      </c>
      <c r="BY50" s="217">
        <v>0.40587952686419482</v>
      </c>
      <c r="BZ50" s="95">
        <v>2.1276687735381224E-2</v>
      </c>
    </row>
    <row r="51" spans="1:78">
      <c r="A51" s="43" t="s">
        <v>570</v>
      </c>
      <c r="B51" s="212">
        <v>296</v>
      </c>
      <c r="C51" s="216">
        <v>0.31786017025888857</v>
      </c>
      <c r="D51" s="92">
        <v>5.3876878049555897E-2</v>
      </c>
      <c r="E51" s="216">
        <v>0.1633045003256372</v>
      </c>
      <c r="F51" s="92">
        <v>4.3149202105773707E-2</v>
      </c>
      <c r="G51" s="216">
        <v>0.51883532941547439</v>
      </c>
      <c r="H51" s="92">
        <v>5.7695132991640551E-2</v>
      </c>
      <c r="I51" s="212">
        <v>269</v>
      </c>
      <c r="J51" s="216">
        <v>0.29153712229064621</v>
      </c>
      <c r="K51" s="92">
        <v>5.5179674252315687E-2</v>
      </c>
      <c r="L51" s="216">
        <v>0.2548133447586613</v>
      </c>
      <c r="M51" s="92">
        <v>5.2988664728518528E-2</v>
      </c>
      <c r="N51" s="216">
        <v>0.45364953295069343</v>
      </c>
      <c r="O51" s="92">
        <v>6.0269739066074898E-2</v>
      </c>
      <c r="P51" s="212">
        <v>248</v>
      </c>
      <c r="Q51" s="216">
        <v>0.23533542230480159</v>
      </c>
      <c r="R51" s="92">
        <v>5.3771819157905541E-2</v>
      </c>
      <c r="S51" s="216">
        <v>0.25184957530891666</v>
      </c>
      <c r="T51" s="92">
        <v>5.4969071978568249E-2</v>
      </c>
      <c r="U51" s="216">
        <v>0.51281500238628286</v>
      </c>
      <c r="V51" s="92">
        <v>6.2974036953826529E-2</v>
      </c>
      <c r="W51" s="212">
        <v>266</v>
      </c>
      <c r="X51" s="216">
        <v>0.27213334763799074</v>
      </c>
      <c r="Y51" s="92">
        <v>5.4379170606404036E-2</v>
      </c>
      <c r="Z51" s="216">
        <v>0.14267506230944849</v>
      </c>
      <c r="AA51" s="92">
        <v>4.3217624945072627E-2</v>
      </c>
      <c r="AB51" s="216">
        <v>0.58519159005256161</v>
      </c>
      <c r="AC51" s="92">
        <v>5.9994547937694237E-2</v>
      </c>
      <c r="AD51" s="212">
        <v>303</v>
      </c>
      <c r="AE51" s="216">
        <v>0.45521200353788499</v>
      </c>
      <c r="AF51" s="92">
        <v>5.6849531957203756E-2</v>
      </c>
      <c r="AG51" s="216">
        <v>0.16306519453646132</v>
      </c>
      <c r="AH51" s="92">
        <v>4.262005038655229E-2</v>
      </c>
      <c r="AI51" s="216">
        <v>0.38172280192565444</v>
      </c>
      <c r="AJ51" s="92">
        <v>5.5495714144122889E-2</v>
      </c>
      <c r="AK51" s="212">
        <v>253</v>
      </c>
      <c r="AL51" s="216">
        <v>0.43895959260857853</v>
      </c>
      <c r="AM51" s="92">
        <v>6.1926170222372699E-2</v>
      </c>
      <c r="AN51" s="216">
        <v>0.19308785264640727</v>
      </c>
      <c r="AO51" s="92">
        <v>4.9701718486579553E-2</v>
      </c>
      <c r="AP51" s="216">
        <v>0.36795255474501493</v>
      </c>
      <c r="AQ51" s="92">
        <v>6.0233271516410766E-2</v>
      </c>
      <c r="AR51" s="212">
        <v>314</v>
      </c>
      <c r="AS51" s="216">
        <v>0.50055841527346356</v>
      </c>
      <c r="AT51" s="92">
        <v>5.6077181310631732E-2</v>
      </c>
      <c r="AU51" s="216">
        <v>0.19731721552574291</v>
      </c>
      <c r="AV51" s="92">
        <v>4.4956088020681198E-2</v>
      </c>
      <c r="AW51" s="216">
        <v>0.30212436920079422</v>
      </c>
      <c r="AX51" s="92">
        <v>5.1618346056985016E-2</v>
      </c>
      <c r="AY51" s="212">
        <v>247</v>
      </c>
      <c r="AZ51" s="216">
        <v>0.23127954638307927</v>
      </c>
      <c r="BA51" s="92">
        <v>5.3569408313145037E-2</v>
      </c>
      <c r="BB51" s="216">
        <v>0.24533778204370871</v>
      </c>
      <c r="BC51" s="92">
        <v>5.4618956386991747E-2</v>
      </c>
      <c r="BD51" s="216">
        <v>0.52338267157321283</v>
      </c>
      <c r="BE51" s="92">
        <v>6.3052566204720759E-2</v>
      </c>
      <c r="BF51" s="212">
        <v>298</v>
      </c>
      <c r="BG51" s="216">
        <v>0.40322643771046063</v>
      </c>
      <c r="BH51" s="92">
        <v>5.6484343188613451E-2</v>
      </c>
      <c r="BI51" s="216">
        <v>0.29023014362651761</v>
      </c>
      <c r="BJ51" s="92">
        <v>5.2380996072070772E-2</v>
      </c>
      <c r="BK51" s="216">
        <v>0.30654341866302209</v>
      </c>
      <c r="BL51" s="92">
        <v>5.3184595212283185E-2</v>
      </c>
      <c r="BM51" s="212">
        <v>332</v>
      </c>
      <c r="BN51" s="216">
        <v>0.32658074269941317</v>
      </c>
      <c r="BO51" s="92">
        <v>5.1250731966908367E-2</v>
      </c>
      <c r="BP51" s="216">
        <v>0.19109129211894404</v>
      </c>
      <c r="BQ51" s="92">
        <v>4.320960821627215E-2</v>
      </c>
      <c r="BR51" s="216">
        <v>0.48232796518164334</v>
      </c>
      <c r="BS51" s="92">
        <v>5.4521194072399463E-2</v>
      </c>
      <c r="BT51" s="212">
        <v>233</v>
      </c>
      <c r="BU51" s="216">
        <v>0.36484114275256924</v>
      </c>
      <c r="BV51" s="92">
        <v>6.2621159274997243E-2</v>
      </c>
      <c r="BW51" s="216">
        <v>0.23107102669021351</v>
      </c>
      <c r="BX51" s="92">
        <v>5.5132809583421212E-2</v>
      </c>
      <c r="BY51" s="216">
        <v>0.40408783055721798</v>
      </c>
      <c r="BZ51" s="92">
        <v>6.3791426347581157E-2</v>
      </c>
    </row>
    <row r="52" spans="1:78">
      <c r="A52" s="47" t="s">
        <v>571</v>
      </c>
      <c r="B52" s="213">
        <v>1348</v>
      </c>
      <c r="C52" s="217">
        <v>0.40916916898638744</v>
      </c>
      <c r="D52" s="95">
        <v>2.6746592212772941E-2</v>
      </c>
      <c r="E52" s="217">
        <v>0.17869082873804221</v>
      </c>
      <c r="F52" s="95">
        <v>2.0880782896437907E-2</v>
      </c>
      <c r="G52" s="217">
        <v>0.41214000227556769</v>
      </c>
      <c r="H52" s="95">
        <v>2.6775763461876659E-2</v>
      </c>
      <c r="I52" s="213">
        <v>1303</v>
      </c>
      <c r="J52" s="217">
        <v>0.34513423110266073</v>
      </c>
      <c r="K52" s="95">
        <v>2.6308927371442272E-2</v>
      </c>
      <c r="L52" s="217">
        <v>0.21497442843837231</v>
      </c>
      <c r="M52" s="95">
        <v>2.2759641655702378E-2</v>
      </c>
      <c r="N52" s="217">
        <v>0.439891340458965</v>
      </c>
      <c r="O52" s="95">
        <v>2.7461263266944175E-2</v>
      </c>
      <c r="P52" s="213">
        <v>1229</v>
      </c>
      <c r="Q52" s="217">
        <v>0.31032957003954925</v>
      </c>
      <c r="R52" s="95">
        <v>2.6364354698750991E-2</v>
      </c>
      <c r="S52" s="217">
        <v>0.19389812008707022</v>
      </c>
      <c r="T52" s="95">
        <v>2.2561699882308776E-2</v>
      </c>
      <c r="U52" s="217">
        <v>0.49577230987338061</v>
      </c>
      <c r="V52" s="95">
        <v>2.8477577150669026E-2</v>
      </c>
      <c r="W52" s="213">
        <v>1232</v>
      </c>
      <c r="X52" s="217">
        <v>0.34025027563239724</v>
      </c>
      <c r="Y52" s="95">
        <v>2.6963053716942208E-2</v>
      </c>
      <c r="Z52" s="217">
        <v>0.12648227538878157</v>
      </c>
      <c r="AA52" s="95">
        <v>1.8986118340576636E-2</v>
      </c>
      <c r="AB52" s="217">
        <v>0.53326744897882317</v>
      </c>
      <c r="AC52" s="95">
        <v>2.8381384829985007E-2</v>
      </c>
      <c r="AD52" s="213">
        <v>1407</v>
      </c>
      <c r="AE52" s="217">
        <v>0.47204131624179901</v>
      </c>
      <c r="AF52" s="95">
        <v>2.6580327031068298E-2</v>
      </c>
      <c r="AG52" s="217">
        <v>0.16133643192683267</v>
      </c>
      <c r="AH52" s="95">
        <v>1.9632076129209253E-2</v>
      </c>
      <c r="AI52" s="217">
        <v>0.36662225183136454</v>
      </c>
      <c r="AJ52" s="95">
        <v>2.5662647909821399E-2</v>
      </c>
      <c r="AK52" s="213">
        <v>1194</v>
      </c>
      <c r="AL52" s="217">
        <v>0.50980871982578191</v>
      </c>
      <c r="AM52" s="95">
        <v>2.8886076988868949E-2</v>
      </c>
      <c r="AN52" s="217">
        <v>0.16916859057876438</v>
      </c>
      <c r="AO52" s="95">
        <v>2.1719123638112053E-2</v>
      </c>
      <c r="AP52" s="217">
        <v>0.32102268959545305</v>
      </c>
      <c r="AQ52" s="95">
        <v>2.6990425204080359E-2</v>
      </c>
      <c r="AR52" s="213">
        <v>1448</v>
      </c>
      <c r="AS52" s="217">
        <v>0.59496781509888064</v>
      </c>
      <c r="AT52" s="95">
        <v>2.5768129913411379E-2</v>
      </c>
      <c r="AU52" s="217">
        <v>0.15861999342646244</v>
      </c>
      <c r="AV52" s="95">
        <v>1.9220405109832684E-2</v>
      </c>
      <c r="AW52" s="217">
        <v>0.24641219147465379</v>
      </c>
      <c r="AX52" s="95">
        <v>2.2639043449138349E-2</v>
      </c>
      <c r="AY52" s="213">
        <v>1181</v>
      </c>
      <c r="AZ52" s="217">
        <v>0.25989620696380689</v>
      </c>
      <c r="BA52" s="95">
        <v>2.5506759846690069E-2</v>
      </c>
      <c r="BB52" s="217">
        <v>0.19364997610736182</v>
      </c>
      <c r="BC52" s="95">
        <v>2.3004837670417728E-2</v>
      </c>
      <c r="BD52" s="217">
        <v>0.54645381692883177</v>
      </c>
      <c r="BE52" s="95">
        <v>2.8924845833103254E-2</v>
      </c>
      <c r="BF52" s="213">
        <v>1434</v>
      </c>
      <c r="BG52" s="217">
        <v>0.44800874437332089</v>
      </c>
      <c r="BH52" s="95">
        <v>2.6228477578859627E-2</v>
      </c>
      <c r="BI52" s="217">
        <v>0.2043790282701704</v>
      </c>
      <c r="BJ52" s="95">
        <v>2.1299490346711653E-2</v>
      </c>
      <c r="BK52" s="217">
        <v>0.34761222735650649</v>
      </c>
      <c r="BL52" s="95">
        <v>2.5123172387395306E-2</v>
      </c>
      <c r="BM52" s="213">
        <v>1491</v>
      </c>
      <c r="BN52" s="217">
        <v>0.46374466214217064</v>
      </c>
      <c r="BO52" s="95">
        <v>2.5795313406522441E-2</v>
      </c>
      <c r="BP52" s="217">
        <v>0.15495905884233047</v>
      </c>
      <c r="BQ52" s="95">
        <v>1.8763300898707879E-2</v>
      </c>
      <c r="BR52" s="217">
        <v>0.38129627901549445</v>
      </c>
      <c r="BS52" s="95">
        <v>2.5127619512823753E-2</v>
      </c>
      <c r="BT52" s="213">
        <v>1050</v>
      </c>
      <c r="BU52" s="217">
        <v>0.4298124551730394</v>
      </c>
      <c r="BV52" s="95">
        <v>3.0499387420765297E-2</v>
      </c>
      <c r="BW52" s="217">
        <v>0.18708650133406604</v>
      </c>
      <c r="BX52" s="95">
        <v>2.4082946394597425E-2</v>
      </c>
      <c r="BY52" s="217">
        <v>0.38310104349289548</v>
      </c>
      <c r="BZ52" s="95">
        <v>2.9954941436926733E-2</v>
      </c>
    </row>
    <row r="53" spans="1:78">
      <c r="A53" s="43" t="s">
        <v>572</v>
      </c>
      <c r="B53" s="212">
        <v>2190</v>
      </c>
      <c r="C53" s="216">
        <v>0.40047523600607077</v>
      </c>
      <c r="D53" s="92">
        <v>2.0923566496521152E-2</v>
      </c>
      <c r="E53" s="216">
        <v>0.16703668193658414</v>
      </c>
      <c r="F53" s="92">
        <v>1.5949973450386026E-2</v>
      </c>
      <c r="G53" s="216">
        <v>0.43248808205734818</v>
      </c>
      <c r="H53" s="92">
        <v>2.1154411051071811E-2</v>
      </c>
      <c r="I53" s="212">
        <v>2208</v>
      </c>
      <c r="J53" s="216">
        <v>0.35016947615209015</v>
      </c>
      <c r="K53" s="92">
        <v>2.0288690908243909E-2</v>
      </c>
      <c r="L53" s="216">
        <v>0.21318558079139419</v>
      </c>
      <c r="M53" s="92">
        <v>1.7431588500288676E-2</v>
      </c>
      <c r="N53" s="216">
        <v>0.43664494305651907</v>
      </c>
      <c r="O53" s="92">
        <v>2.1091407038118036E-2</v>
      </c>
      <c r="P53" s="212">
        <v>2024</v>
      </c>
      <c r="Q53" s="216">
        <v>0.33211781232006615</v>
      </c>
      <c r="R53" s="92">
        <v>2.092188168686946E-2</v>
      </c>
      <c r="S53" s="216">
        <v>0.19358098716805508</v>
      </c>
      <c r="T53" s="92">
        <v>1.7567980576492986E-2</v>
      </c>
      <c r="U53" s="216">
        <v>0.47430120051188213</v>
      </c>
      <c r="V53" s="92">
        <v>2.2176545278825371E-2</v>
      </c>
      <c r="W53" s="212">
        <v>2007</v>
      </c>
      <c r="X53" s="216">
        <v>0.37235708135341283</v>
      </c>
      <c r="Y53" s="92">
        <v>2.1563548964321198E-2</v>
      </c>
      <c r="Z53" s="216">
        <v>0.10362823060897335</v>
      </c>
      <c r="AA53" s="92">
        <v>1.3638349682787201E-2</v>
      </c>
      <c r="AB53" s="216">
        <v>0.52401468803761497</v>
      </c>
      <c r="AC53" s="92">
        <v>2.2273807478997446E-2</v>
      </c>
      <c r="AD53" s="212">
        <v>2338</v>
      </c>
      <c r="AE53" s="216">
        <v>0.5387765405713002</v>
      </c>
      <c r="AF53" s="92">
        <v>2.0601605556510558E-2</v>
      </c>
      <c r="AG53" s="216">
        <v>0.13810076564610488</v>
      </c>
      <c r="AH53" s="92">
        <v>1.4284886224496937E-2</v>
      </c>
      <c r="AI53" s="216">
        <v>0.32312269378259678</v>
      </c>
      <c r="AJ53" s="92">
        <v>1.9332198386169681E-2</v>
      </c>
      <c r="AK53" s="212">
        <v>2039</v>
      </c>
      <c r="AL53" s="216">
        <v>0.5625050276260849</v>
      </c>
      <c r="AM53" s="92">
        <v>2.1951238853493961E-2</v>
      </c>
      <c r="AN53" s="216">
        <v>0.15734090641561876</v>
      </c>
      <c r="AO53" s="92">
        <v>1.6139630045258424E-2</v>
      </c>
      <c r="AP53" s="216">
        <v>0.28015406595829889</v>
      </c>
      <c r="AQ53" s="92">
        <v>1.9880053431676915E-2</v>
      </c>
      <c r="AR53" s="212">
        <v>2347</v>
      </c>
      <c r="AS53" s="216">
        <v>0.64807810834252055</v>
      </c>
      <c r="AT53" s="92">
        <v>1.9702052228151207E-2</v>
      </c>
      <c r="AU53" s="216">
        <v>0.12219503509589645</v>
      </c>
      <c r="AV53" s="92">
        <v>1.3539720567414803E-2</v>
      </c>
      <c r="AW53" s="216">
        <v>0.22972685656158823</v>
      </c>
      <c r="AX53" s="92">
        <v>1.7363469149256353E-2</v>
      </c>
      <c r="AY53" s="212">
        <v>1980</v>
      </c>
      <c r="AZ53" s="216">
        <v>0.25751559243253525</v>
      </c>
      <c r="BA53" s="92">
        <v>1.9645967562455444E-2</v>
      </c>
      <c r="BB53" s="216">
        <v>0.17537070496201765</v>
      </c>
      <c r="BC53" s="92">
        <v>1.7100292904871531E-2</v>
      </c>
      <c r="BD53" s="216">
        <v>0.56711370260545413</v>
      </c>
      <c r="BE53" s="92">
        <v>2.2248318843179137E-2</v>
      </c>
      <c r="BF53" s="212">
        <v>2319</v>
      </c>
      <c r="BG53" s="216">
        <v>0.47963511772810868</v>
      </c>
      <c r="BH53" s="92">
        <v>2.0730802252139285E-2</v>
      </c>
      <c r="BI53" s="216">
        <v>0.18589558280916982</v>
      </c>
      <c r="BJ53" s="92">
        <v>1.6160937027800571E-2</v>
      </c>
      <c r="BK53" s="216">
        <v>0.33446929946272258</v>
      </c>
      <c r="BL53" s="92">
        <v>1.9582111549194616E-2</v>
      </c>
      <c r="BM53" s="212">
        <v>2339</v>
      </c>
      <c r="BN53" s="216">
        <v>0.5071841377905757</v>
      </c>
      <c r="BO53" s="92">
        <v>2.0657091564529859E-2</v>
      </c>
      <c r="BP53" s="216">
        <v>0.12267913545297325</v>
      </c>
      <c r="BQ53" s="92">
        <v>1.3585829376590506E-2</v>
      </c>
      <c r="BR53" s="216">
        <v>0.37013672675645393</v>
      </c>
      <c r="BS53" s="92">
        <v>1.9952699662033491E-2</v>
      </c>
      <c r="BT53" s="212">
        <v>1680</v>
      </c>
      <c r="BU53" s="216">
        <v>0.47495337473076737</v>
      </c>
      <c r="BV53" s="92">
        <v>2.433806063184922E-2</v>
      </c>
      <c r="BW53" s="216">
        <v>0.15546081127683545</v>
      </c>
      <c r="BX53" s="92">
        <v>1.7697377425875793E-2</v>
      </c>
      <c r="BY53" s="216">
        <v>0.36958581399238943</v>
      </c>
      <c r="BZ53" s="92">
        <v>2.3529071398228008E-2</v>
      </c>
    </row>
    <row r="54" spans="1:78">
      <c r="A54" s="47" t="s">
        <v>573</v>
      </c>
      <c r="B54" s="213">
        <v>2076</v>
      </c>
      <c r="C54" s="217">
        <v>0.30241509364628955</v>
      </c>
      <c r="D54" s="95">
        <v>2.0148974657143437E-2</v>
      </c>
      <c r="E54" s="217">
        <v>0.12455975151982768</v>
      </c>
      <c r="F54" s="95">
        <v>1.4516981741161164E-2</v>
      </c>
      <c r="G54" s="217">
        <v>0.57302515483388172</v>
      </c>
      <c r="H54" s="95">
        <v>2.1692245039403327E-2</v>
      </c>
      <c r="I54" s="213">
        <v>2095</v>
      </c>
      <c r="J54" s="217">
        <v>0.26141307630224409</v>
      </c>
      <c r="K54" s="95">
        <v>1.9192514257385704E-2</v>
      </c>
      <c r="L54" s="217">
        <v>0.17576222425776933</v>
      </c>
      <c r="M54" s="95">
        <v>1.6638416750343422E-2</v>
      </c>
      <c r="N54" s="217">
        <v>0.56282469943998625</v>
      </c>
      <c r="O54" s="95">
        <v>2.165466262543346E-2</v>
      </c>
      <c r="P54" s="213">
        <v>1922</v>
      </c>
      <c r="Q54" s="217">
        <v>0.27323459365642627</v>
      </c>
      <c r="R54" s="95">
        <v>2.0318891854892013E-2</v>
      </c>
      <c r="S54" s="217">
        <v>0.13797690268848417</v>
      </c>
      <c r="T54" s="95">
        <v>1.5752703165407472E-2</v>
      </c>
      <c r="U54" s="217">
        <v>0.58878850365509361</v>
      </c>
      <c r="V54" s="95">
        <v>2.2425569184070474E-2</v>
      </c>
      <c r="W54" s="213">
        <v>1896</v>
      </c>
      <c r="X54" s="217">
        <v>0.36772466091291656</v>
      </c>
      <c r="Y54" s="95">
        <v>2.2127707218839433E-2</v>
      </c>
      <c r="Z54" s="217">
        <v>8.4679780751661313E-2</v>
      </c>
      <c r="AA54" s="95">
        <v>1.2833724354992622E-2</v>
      </c>
      <c r="AB54" s="217">
        <v>0.54759555833542573</v>
      </c>
      <c r="AC54" s="95">
        <v>2.2837835230080514E-2</v>
      </c>
      <c r="AD54" s="213">
        <v>2212</v>
      </c>
      <c r="AE54" s="217">
        <v>0.47873291941297952</v>
      </c>
      <c r="AF54" s="95">
        <v>2.1223809199411713E-2</v>
      </c>
      <c r="AG54" s="217">
        <v>0.14005609200502897</v>
      </c>
      <c r="AH54" s="95">
        <v>1.4773114741167343E-2</v>
      </c>
      <c r="AI54" s="217">
        <v>0.38121098858198471</v>
      </c>
      <c r="AJ54" s="95">
        <v>2.0636971590119704E-2</v>
      </c>
      <c r="AK54" s="213">
        <v>1986</v>
      </c>
      <c r="AL54" s="217">
        <v>0.52044664935505824</v>
      </c>
      <c r="AM54" s="95">
        <v>2.2398116104656664E-2</v>
      </c>
      <c r="AN54" s="217">
        <v>0.1356804725847332</v>
      </c>
      <c r="AO54" s="95">
        <v>1.5388067456054729E-2</v>
      </c>
      <c r="AP54" s="217">
        <v>0.34387287806021222</v>
      </c>
      <c r="AQ54" s="95">
        <v>2.1300539827820805E-2</v>
      </c>
      <c r="AR54" s="213">
        <v>2240</v>
      </c>
      <c r="AS54" s="217">
        <v>0.6105025011287607</v>
      </c>
      <c r="AT54" s="95">
        <v>2.0589905056365397E-2</v>
      </c>
      <c r="AU54" s="217">
        <v>0.11953642579041737</v>
      </c>
      <c r="AV54" s="95">
        <v>1.373047539825574E-2</v>
      </c>
      <c r="AW54" s="217">
        <v>0.26996107308081863</v>
      </c>
      <c r="AX54" s="95">
        <v>1.8752092199503415E-2</v>
      </c>
      <c r="AY54" s="213">
        <v>1939</v>
      </c>
      <c r="AZ54" s="217">
        <v>0.20206808846857582</v>
      </c>
      <c r="BA54" s="95">
        <v>1.823965069274576E-2</v>
      </c>
      <c r="BB54" s="217">
        <v>0.10849586848021002</v>
      </c>
      <c r="BC54" s="95">
        <v>1.4157045304388216E-2</v>
      </c>
      <c r="BD54" s="217">
        <v>0.68943604305121409</v>
      </c>
      <c r="BE54" s="95">
        <v>2.1002246703864351E-2</v>
      </c>
      <c r="BF54" s="213">
        <v>2190</v>
      </c>
      <c r="BG54" s="217">
        <v>0.36302330801225469</v>
      </c>
      <c r="BH54" s="95">
        <v>2.0535481345512589E-2</v>
      </c>
      <c r="BI54" s="217">
        <v>0.15891707848887199</v>
      </c>
      <c r="BJ54" s="95">
        <v>1.5635213543351775E-2</v>
      </c>
      <c r="BK54" s="217">
        <v>0.47805961349887227</v>
      </c>
      <c r="BL54" s="95">
        <v>2.1328714926236818E-2</v>
      </c>
      <c r="BM54" s="213">
        <v>2242</v>
      </c>
      <c r="BN54" s="217">
        <v>0.50559825431457039</v>
      </c>
      <c r="BO54" s="95">
        <v>2.1099297573921871E-2</v>
      </c>
      <c r="BP54" s="217">
        <v>0.10372088305694417</v>
      </c>
      <c r="BQ54" s="95">
        <v>1.2905693419304653E-2</v>
      </c>
      <c r="BR54" s="217">
        <v>0.39068086262848239</v>
      </c>
      <c r="BS54" s="95">
        <v>2.0591945933460556E-2</v>
      </c>
      <c r="BT54" s="213">
        <v>1555</v>
      </c>
      <c r="BU54" s="217">
        <v>0.47289854543337867</v>
      </c>
      <c r="BV54" s="95">
        <v>2.5289562346873157E-2</v>
      </c>
      <c r="BW54" s="217">
        <v>0.1189375477269123</v>
      </c>
      <c r="BX54" s="95">
        <v>1.6455322813058858E-2</v>
      </c>
      <c r="BY54" s="217">
        <v>0.40816390683971343</v>
      </c>
      <c r="BZ54" s="95">
        <v>2.4897962637068113E-2</v>
      </c>
    </row>
    <row r="55" spans="1:78">
      <c r="A55" s="43" t="s">
        <v>579</v>
      </c>
      <c r="B55" s="212">
        <v>4176</v>
      </c>
      <c r="C55" s="216">
        <v>0.37833495719547322</v>
      </c>
      <c r="D55" s="92">
        <v>1.5003219231053053E-2</v>
      </c>
      <c r="E55" s="216">
        <v>0.17191835363331762</v>
      </c>
      <c r="F55" s="92">
        <v>1.1680283950745498E-2</v>
      </c>
      <c r="G55" s="216">
        <v>0.44974668917121774</v>
      </c>
      <c r="H55" s="92">
        <v>1.5389035919653057E-2</v>
      </c>
      <c r="I55" s="212">
        <v>4078</v>
      </c>
      <c r="J55" s="216">
        <v>0.32681054889053895</v>
      </c>
      <c r="K55" s="92">
        <v>1.4684804323561639E-2</v>
      </c>
      <c r="L55" s="216">
        <v>0.21253170025241822</v>
      </c>
      <c r="M55" s="92">
        <v>1.2812439342286276E-2</v>
      </c>
      <c r="N55" s="216">
        <v>0.46065775085704841</v>
      </c>
      <c r="O55" s="92">
        <v>1.5603339489344599E-2</v>
      </c>
      <c r="P55" s="212">
        <v>3726</v>
      </c>
      <c r="Q55" s="216">
        <v>0.31361387878562486</v>
      </c>
      <c r="R55" s="92">
        <v>1.5196115024623464E-2</v>
      </c>
      <c r="S55" s="216">
        <v>0.18253771921012441</v>
      </c>
      <c r="T55" s="92">
        <v>1.2659014926852171E-2</v>
      </c>
      <c r="U55" s="216">
        <v>0.50384840200425463</v>
      </c>
      <c r="V55" s="92">
        <v>1.6373169105002208E-2</v>
      </c>
      <c r="W55" s="212">
        <v>3782</v>
      </c>
      <c r="X55" s="216">
        <v>0.3574648426927981</v>
      </c>
      <c r="Y55" s="92">
        <v>1.5579207685525643E-2</v>
      </c>
      <c r="Z55" s="216">
        <v>0.11127977949802412</v>
      </c>
      <c r="AA55" s="92">
        <v>1.0238348628810257E-2</v>
      </c>
      <c r="AB55" s="216">
        <v>0.53125537780918275</v>
      </c>
      <c r="AC55" s="92">
        <v>1.6220390619373228E-2</v>
      </c>
      <c r="AD55" s="212">
        <v>4385</v>
      </c>
      <c r="AE55" s="216">
        <v>0.50204644326084047</v>
      </c>
      <c r="AF55" s="92">
        <v>1.5094320895895715E-2</v>
      </c>
      <c r="AG55" s="216">
        <v>0.15582499339514524</v>
      </c>
      <c r="AH55" s="92">
        <v>1.0958168625101208E-2</v>
      </c>
      <c r="AI55" s="216">
        <v>0.34212856334402142</v>
      </c>
      <c r="AJ55" s="92">
        <v>1.4323732157046725E-2</v>
      </c>
      <c r="AK55" s="212">
        <v>3830</v>
      </c>
      <c r="AL55" s="216">
        <v>0.53123396741256723</v>
      </c>
      <c r="AM55" s="92">
        <v>1.6118577099633928E-2</v>
      </c>
      <c r="AN55" s="216">
        <v>0.16136881031459438</v>
      </c>
      <c r="AO55" s="92">
        <v>1.1892759575294095E-2</v>
      </c>
      <c r="AP55" s="216">
        <v>0.30739722227284239</v>
      </c>
      <c r="AQ55" s="92">
        <v>1.4906473635334401E-2</v>
      </c>
      <c r="AR55" s="212">
        <v>4456</v>
      </c>
      <c r="AS55" s="216">
        <v>0.60890580450045251</v>
      </c>
      <c r="AT55" s="92">
        <v>1.4614962251532665E-2</v>
      </c>
      <c r="AU55" s="216">
        <v>0.14352286585866422</v>
      </c>
      <c r="AV55" s="92">
        <v>1.0509525448204517E-2</v>
      </c>
      <c r="AW55" s="216">
        <v>0.24757132964089151</v>
      </c>
      <c r="AX55" s="92">
        <v>1.2929405131298885E-2</v>
      </c>
      <c r="AY55" s="212">
        <v>3679</v>
      </c>
      <c r="AZ55" s="216">
        <v>0.24589678038086527</v>
      </c>
      <c r="BA55" s="92">
        <v>1.4196622814669199E-2</v>
      </c>
      <c r="BB55" s="216">
        <v>0.1728717790111314</v>
      </c>
      <c r="BC55" s="92">
        <v>1.2471828607485459E-2</v>
      </c>
      <c r="BD55" s="216">
        <v>0.5812314406080078</v>
      </c>
      <c r="BE55" s="92">
        <v>1.625936195596208E-2</v>
      </c>
      <c r="BF55" s="212">
        <v>4364</v>
      </c>
      <c r="BG55" s="216">
        <v>0.44174092870444709</v>
      </c>
      <c r="BH55" s="92">
        <v>1.5027815909458045E-2</v>
      </c>
      <c r="BI55" s="216">
        <v>0.19455265962451307</v>
      </c>
      <c r="BJ55" s="92">
        <v>1.1985672139958351E-2</v>
      </c>
      <c r="BK55" s="216">
        <v>0.36370641167104673</v>
      </c>
      <c r="BL55" s="92">
        <v>1.4558775159142471E-2</v>
      </c>
      <c r="BM55" s="212">
        <v>4500</v>
      </c>
      <c r="BN55" s="216">
        <v>0.48431645725373762</v>
      </c>
      <c r="BO55" s="92">
        <v>1.489317983761957E-2</v>
      </c>
      <c r="BP55" s="216">
        <v>0.134754358260155</v>
      </c>
      <c r="BQ55" s="92">
        <v>1.0186208970238747E-2</v>
      </c>
      <c r="BR55" s="216">
        <v>0.38092918448611507</v>
      </c>
      <c r="BS55" s="92">
        <v>1.4472590385852309E-2</v>
      </c>
      <c r="BT55" s="212">
        <v>3230</v>
      </c>
      <c r="BU55" s="216">
        <v>0.45629376511549175</v>
      </c>
      <c r="BV55" s="92">
        <v>1.7517355559942088E-2</v>
      </c>
      <c r="BW55" s="216">
        <v>0.16207087915236099</v>
      </c>
      <c r="BX55" s="92">
        <v>1.2973796118934637E-2</v>
      </c>
      <c r="BY55" s="216">
        <v>0.3816353557321509</v>
      </c>
      <c r="BZ55" s="92">
        <v>1.7085924465315289E-2</v>
      </c>
    </row>
    <row r="56" spans="1:78">
      <c r="A56" s="47" t="s">
        <v>585</v>
      </c>
      <c r="B56" s="213">
        <v>542</v>
      </c>
      <c r="C56" s="217">
        <v>0.35048284041693928</v>
      </c>
      <c r="D56" s="95">
        <v>4.0867064982473333E-2</v>
      </c>
      <c r="E56" s="217">
        <v>0.1294555899765362</v>
      </c>
      <c r="F56" s="95">
        <v>2.898796504049524E-2</v>
      </c>
      <c r="G56" s="217">
        <v>0.52006156960652539</v>
      </c>
      <c r="H56" s="95">
        <v>4.27620907025065E-2</v>
      </c>
      <c r="I56" s="213">
        <v>540</v>
      </c>
      <c r="J56" s="217">
        <v>0.28068877190391717</v>
      </c>
      <c r="K56" s="95">
        <v>3.8597403498805909E-2</v>
      </c>
      <c r="L56" s="217">
        <v>0.21694581266958313</v>
      </c>
      <c r="M56" s="95">
        <v>3.5464794659196199E-2</v>
      </c>
      <c r="N56" s="217">
        <v>0.50236541542650015</v>
      </c>
      <c r="O56" s="95">
        <v>4.2874173529125759E-2</v>
      </c>
      <c r="P56" s="213">
        <v>475</v>
      </c>
      <c r="Q56" s="217">
        <v>0.22610616508908804</v>
      </c>
      <c r="R56" s="95">
        <v>3.8362064082335175E-2</v>
      </c>
      <c r="S56" s="217">
        <v>0.20073895491778643</v>
      </c>
      <c r="T56" s="95">
        <v>3.6772995142957669E-2</v>
      </c>
      <c r="U56" s="217">
        <v>0.5731548799931262</v>
      </c>
      <c r="V56" s="95">
        <v>4.5207697026777287E-2</v>
      </c>
      <c r="W56" s="213">
        <v>467</v>
      </c>
      <c r="X56" s="217">
        <v>0.32376567897768121</v>
      </c>
      <c r="Y56" s="95">
        <v>4.3172173702604517E-2</v>
      </c>
      <c r="Z56" s="217">
        <v>0.1071783820731942</v>
      </c>
      <c r="AA56" s="95">
        <v>2.8893391250525629E-2</v>
      </c>
      <c r="AB56" s="217">
        <v>0.56905593894912554</v>
      </c>
      <c r="AC56" s="95">
        <v>4.5643493502546574E-2</v>
      </c>
      <c r="AD56" s="213">
        <v>601</v>
      </c>
      <c r="AE56" s="217">
        <v>0.48308797285344574</v>
      </c>
      <c r="AF56" s="95">
        <v>4.0632824972928416E-2</v>
      </c>
      <c r="AG56" s="217">
        <v>0.13917627576067709</v>
      </c>
      <c r="AH56" s="95">
        <v>2.8345229372729073E-2</v>
      </c>
      <c r="AI56" s="217">
        <v>0.37773575138587823</v>
      </c>
      <c r="AJ56" s="95">
        <v>3.9438075053817759E-2</v>
      </c>
      <c r="AK56" s="213">
        <v>514</v>
      </c>
      <c r="AL56" s="217">
        <v>0.53838672505817153</v>
      </c>
      <c r="AM56" s="95">
        <v>4.3809796762108937E-2</v>
      </c>
      <c r="AN56" s="217">
        <v>0.1476762717024156</v>
      </c>
      <c r="AO56" s="95">
        <v>3.1411785560031005E-2</v>
      </c>
      <c r="AP56" s="217">
        <v>0.31393700323941381</v>
      </c>
      <c r="AQ56" s="95">
        <v>4.0832377951393245E-2</v>
      </c>
      <c r="AR56" s="213">
        <v>592</v>
      </c>
      <c r="AS56" s="217">
        <v>0.6354718013743047</v>
      </c>
      <c r="AT56" s="95">
        <v>3.9450326265020777E-2</v>
      </c>
      <c r="AU56" s="217">
        <v>0.10495502073449384</v>
      </c>
      <c r="AV56" s="95">
        <v>2.5386569298370985E-2</v>
      </c>
      <c r="AW56" s="217">
        <v>0.25957317789120238</v>
      </c>
      <c r="AX56" s="95">
        <v>3.5987343627117932E-2</v>
      </c>
      <c r="AY56" s="213">
        <v>473</v>
      </c>
      <c r="AZ56" s="217">
        <v>0.21283732340334488</v>
      </c>
      <c r="BA56" s="95">
        <v>3.7636105550881163E-2</v>
      </c>
      <c r="BB56" s="217">
        <v>0.16771116037258904</v>
      </c>
      <c r="BC56" s="95">
        <v>3.4438070820210755E-2</v>
      </c>
      <c r="BD56" s="217">
        <v>0.61945151622406669</v>
      </c>
      <c r="BE56" s="95">
        <v>4.4483491733145093E-2</v>
      </c>
      <c r="BF56" s="213">
        <v>608</v>
      </c>
      <c r="BG56" s="217">
        <v>0.4122358283884402</v>
      </c>
      <c r="BH56" s="95">
        <v>3.9803258649469077E-2</v>
      </c>
      <c r="BI56" s="217">
        <v>0.19020875308567292</v>
      </c>
      <c r="BJ56" s="95">
        <v>3.1857505602186358E-2</v>
      </c>
      <c r="BK56" s="217">
        <v>0.39755541852588772</v>
      </c>
      <c r="BL56" s="95">
        <v>3.9576338703665587E-2</v>
      </c>
      <c r="BM56" s="213">
        <v>585</v>
      </c>
      <c r="BN56" s="217">
        <v>0.46020232048652082</v>
      </c>
      <c r="BO56" s="95">
        <v>4.1075323920032991E-2</v>
      </c>
      <c r="BP56" s="217">
        <v>0.1208031356706763</v>
      </c>
      <c r="BQ56" s="95">
        <v>2.7101784518935142E-2</v>
      </c>
      <c r="BR56" s="217">
        <v>0.41899454384280388</v>
      </c>
      <c r="BS56" s="95">
        <v>4.0667348123181929E-2</v>
      </c>
      <c r="BT56" s="213">
        <v>360</v>
      </c>
      <c r="BU56" s="217">
        <v>0.4550604270832867</v>
      </c>
      <c r="BV56" s="95">
        <v>5.2206750537712621E-2</v>
      </c>
      <c r="BW56" s="217">
        <v>0.16464264278765975</v>
      </c>
      <c r="BX56" s="95">
        <v>3.9222331948160147E-2</v>
      </c>
      <c r="BY56" s="217">
        <v>0.38029693012905319</v>
      </c>
      <c r="BZ56" s="95">
        <v>5.0923813377167962E-2</v>
      </c>
    </row>
    <row r="57" spans="1:78">
      <c r="A57" s="43" t="s">
        <v>586</v>
      </c>
      <c r="B57" s="212">
        <v>178</v>
      </c>
      <c r="C57" s="216">
        <v>0.32511414856047166</v>
      </c>
      <c r="D57" s="92">
        <v>6.9652917177522602E-2</v>
      </c>
      <c r="E57" s="216">
        <v>7.9764701367516594E-2</v>
      </c>
      <c r="F57" s="92">
        <v>4.2213358575442443E-2</v>
      </c>
      <c r="G57" s="216">
        <v>0.59512115007201127</v>
      </c>
      <c r="H57" s="92">
        <v>7.2830574435111678E-2</v>
      </c>
      <c r="I57" s="212">
        <v>176</v>
      </c>
      <c r="J57" s="216">
        <v>0.30759358857351304</v>
      </c>
      <c r="K57" s="92">
        <v>6.9058241873165518E-2</v>
      </c>
      <c r="L57" s="216">
        <v>0.15585586636903778</v>
      </c>
      <c r="M57" s="92">
        <v>5.5130172171295767E-2</v>
      </c>
      <c r="N57" s="216">
        <v>0.53655054505744881</v>
      </c>
      <c r="O57" s="92">
        <v>7.4344957707922862E-2</v>
      </c>
      <c r="P57" s="212">
        <v>164</v>
      </c>
      <c r="Q57" s="216">
        <v>0.27927463027877986</v>
      </c>
      <c r="R57" s="92">
        <v>6.9620173163112781E-2</v>
      </c>
      <c r="S57" s="216">
        <v>0.18101566372477262</v>
      </c>
      <c r="T57" s="92">
        <v>6.0363304303821919E-2</v>
      </c>
      <c r="U57" s="216">
        <v>0.53970970599644719</v>
      </c>
      <c r="V57" s="92">
        <v>7.6919459106021756E-2</v>
      </c>
      <c r="W57" s="212">
        <v>162</v>
      </c>
      <c r="X57" s="216">
        <v>0.31306912700926248</v>
      </c>
      <c r="Y57" s="92">
        <v>7.2264668627076534E-2</v>
      </c>
      <c r="Z57" s="216">
        <v>9.0958990896391589E-2</v>
      </c>
      <c r="AA57" s="92">
        <v>4.6737321771651984E-2</v>
      </c>
      <c r="AB57" s="216">
        <v>0.59597188209434604</v>
      </c>
      <c r="AC57" s="92">
        <v>7.6241204791276093E-2</v>
      </c>
      <c r="AD57" s="212">
        <v>203</v>
      </c>
      <c r="AE57" s="216">
        <v>0.44964692066760842</v>
      </c>
      <c r="AF57" s="92">
        <v>6.91650142486223E-2</v>
      </c>
      <c r="AG57" s="216">
        <v>8.6265310255325231E-2</v>
      </c>
      <c r="AH57" s="92">
        <v>4.0617266573289616E-2</v>
      </c>
      <c r="AI57" s="216">
        <v>0.464087769077066</v>
      </c>
      <c r="AJ57" s="92">
        <v>6.9332172944893397E-2</v>
      </c>
      <c r="AK57" s="212">
        <v>163</v>
      </c>
      <c r="AL57" s="216">
        <v>0.47529615863483232</v>
      </c>
      <c r="AM57" s="92">
        <v>7.7292291496872265E-2</v>
      </c>
      <c r="AN57" s="216">
        <v>0.14765733758369184</v>
      </c>
      <c r="AO57" s="92">
        <v>5.6171360659958605E-2</v>
      </c>
      <c r="AP57" s="216">
        <v>0.37704650378147575</v>
      </c>
      <c r="AQ57" s="92">
        <v>7.5120336096446957E-2</v>
      </c>
      <c r="AR57" s="212">
        <v>199</v>
      </c>
      <c r="AS57" s="216">
        <v>0.53901379603252975</v>
      </c>
      <c r="AT57" s="92">
        <v>6.9980618858437385E-2</v>
      </c>
      <c r="AU57" s="216">
        <v>0.16381783602831435</v>
      </c>
      <c r="AV57" s="92">
        <v>5.2782964955036142E-2</v>
      </c>
      <c r="AW57" s="216">
        <v>0.29716836793915585</v>
      </c>
      <c r="AX57" s="92">
        <v>6.4397880024374743E-2</v>
      </c>
      <c r="AY57" s="212">
        <v>162</v>
      </c>
      <c r="AZ57" s="216">
        <v>0.21730043115634071</v>
      </c>
      <c r="BA57" s="92">
        <v>6.4730408529148464E-2</v>
      </c>
      <c r="BB57" s="216">
        <v>0.14457060700903493</v>
      </c>
      <c r="BC57" s="92">
        <v>5.5901115404007454E-2</v>
      </c>
      <c r="BD57" s="216">
        <v>0.63812896183462431</v>
      </c>
      <c r="BE57" s="92">
        <v>7.4741129284615959E-2</v>
      </c>
      <c r="BF57" s="212">
        <v>200</v>
      </c>
      <c r="BG57" s="216">
        <v>0.38718392982126426</v>
      </c>
      <c r="BH57" s="92">
        <v>6.8279523143220291E-2</v>
      </c>
      <c r="BI57" s="216">
        <v>0.22174477188437564</v>
      </c>
      <c r="BJ57" s="92">
        <v>5.8675006016339841E-2</v>
      </c>
      <c r="BK57" s="216">
        <v>0.39107129829436021</v>
      </c>
      <c r="BL57" s="92">
        <v>6.8398384383153238E-2</v>
      </c>
      <c r="BM57" s="212">
        <v>201</v>
      </c>
      <c r="BN57" s="216">
        <v>0.35608296151624691</v>
      </c>
      <c r="BO57" s="92">
        <v>6.7003935525762032E-2</v>
      </c>
      <c r="BP57" s="216">
        <v>0.15578754342196274</v>
      </c>
      <c r="BQ57" s="92">
        <v>5.1531921759310581E-2</v>
      </c>
      <c r="BR57" s="216">
        <v>0.48812949506179054</v>
      </c>
      <c r="BS57" s="92">
        <v>6.9824104629300984E-2</v>
      </c>
      <c r="BT57" s="212">
        <v>126</v>
      </c>
      <c r="BU57" s="216">
        <v>0.36693031953791305</v>
      </c>
      <c r="BV57" s="92">
        <v>8.4737674913628075E-2</v>
      </c>
      <c r="BW57" s="216">
        <v>0.18453007212517988</v>
      </c>
      <c r="BX57" s="92">
        <v>6.9394943167327861E-2</v>
      </c>
      <c r="BY57" s="216">
        <v>0.44853960833690693</v>
      </c>
      <c r="BZ57" s="92">
        <v>8.7268336908484651E-2</v>
      </c>
    </row>
    <row r="58" spans="1:78">
      <c r="A58" s="47" t="s">
        <v>584</v>
      </c>
      <c r="B58" s="213">
        <v>106</v>
      </c>
      <c r="C58" s="217">
        <v>0.43377636639323675</v>
      </c>
      <c r="D58" s="95">
        <v>9.4566490657760169E-2</v>
      </c>
      <c r="E58" s="217">
        <v>0.22488740932760051</v>
      </c>
      <c r="F58" s="95">
        <v>8.0840468061590343E-2</v>
      </c>
      <c r="G58" s="217">
        <v>0.34133622427916238</v>
      </c>
      <c r="H58" s="95">
        <v>9.0779126262445137E-2</v>
      </c>
      <c r="I58" s="213">
        <v>105</v>
      </c>
      <c r="J58" s="217">
        <v>0.47384807202998852</v>
      </c>
      <c r="K58" s="95">
        <v>9.5660974727850248E-2</v>
      </c>
      <c r="L58" s="217">
        <v>0.16421456376199511</v>
      </c>
      <c r="M58" s="95">
        <v>7.303930449943595E-2</v>
      </c>
      <c r="N58" s="217">
        <v>0.36193736420801598</v>
      </c>
      <c r="O58" s="95">
        <v>9.2332075762928525E-2</v>
      </c>
      <c r="P58" s="213">
        <v>95</v>
      </c>
      <c r="Q58" s="217">
        <v>0.32100307656126292</v>
      </c>
      <c r="R58" s="95">
        <v>9.4387312838016491E-2</v>
      </c>
      <c r="S58" s="217">
        <v>0.17768838985949678</v>
      </c>
      <c r="T58" s="95">
        <v>7.896818556276336E-2</v>
      </c>
      <c r="U58" s="217">
        <v>0.50130853357924032</v>
      </c>
      <c r="V58" s="95">
        <v>0.10050346459862305</v>
      </c>
      <c r="W58" s="213">
        <v>100</v>
      </c>
      <c r="X58" s="217">
        <v>0.46235843601803261</v>
      </c>
      <c r="Y58" s="95">
        <v>9.7800819567034278E-2</v>
      </c>
      <c r="Z58" s="217">
        <v>0.13510011882864895</v>
      </c>
      <c r="AA58" s="95">
        <v>6.9860730153548892E-2</v>
      </c>
      <c r="AB58" s="217">
        <v>0.40254144515331874</v>
      </c>
      <c r="AC58" s="95">
        <v>9.632046032242482E-2</v>
      </c>
      <c r="AD58" s="213">
        <v>105</v>
      </c>
      <c r="AE58" s="217">
        <v>0.52630949248586467</v>
      </c>
      <c r="AF58" s="95">
        <v>9.5659503445236882E-2</v>
      </c>
      <c r="AG58" s="217">
        <v>0.14189436199459435</v>
      </c>
      <c r="AH58" s="95">
        <v>6.9334910515130674E-2</v>
      </c>
      <c r="AI58" s="217">
        <v>0.33179614551954073</v>
      </c>
      <c r="AJ58" s="95">
        <v>9.061378443264749E-2</v>
      </c>
      <c r="AK58" s="213">
        <v>98</v>
      </c>
      <c r="AL58" s="217">
        <v>0.56439463891655872</v>
      </c>
      <c r="AM58" s="95">
        <v>9.8253809470027251E-2</v>
      </c>
      <c r="AN58" s="217">
        <v>0.21589846564506654</v>
      </c>
      <c r="AO58" s="95">
        <v>8.2958216714653421E-2</v>
      </c>
      <c r="AP58" s="217">
        <v>0.21970689543837454</v>
      </c>
      <c r="AQ58" s="95">
        <v>8.3425875030031585E-2</v>
      </c>
      <c r="AR58" s="213">
        <v>106</v>
      </c>
      <c r="AS58" s="217">
        <v>0.58915281981470158</v>
      </c>
      <c r="AT58" s="95">
        <v>9.3928273876077051E-2</v>
      </c>
      <c r="AU58" s="217">
        <v>0.18153100959883151</v>
      </c>
      <c r="AV58" s="95">
        <v>7.5273941264405744E-2</v>
      </c>
      <c r="AW58" s="217">
        <v>0.22931617058646661</v>
      </c>
      <c r="AX58" s="95">
        <v>8.134373461488302E-2</v>
      </c>
      <c r="AY58" s="213">
        <v>95</v>
      </c>
      <c r="AZ58" s="217">
        <v>0.36056373305669387</v>
      </c>
      <c r="BA58" s="95">
        <v>9.6838279596070331E-2</v>
      </c>
      <c r="BB58" s="217">
        <v>0.25790352874554906</v>
      </c>
      <c r="BC58" s="95">
        <v>8.8996614558907103E-2</v>
      </c>
      <c r="BD58" s="217">
        <v>0.38153273819775718</v>
      </c>
      <c r="BE58" s="95">
        <v>9.7871632508741799E-2</v>
      </c>
      <c r="BF58" s="213">
        <v>103</v>
      </c>
      <c r="BG58" s="217">
        <v>0.44409767717106419</v>
      </c>
      <c r="BH58" s="95">
        <v>9.6112125540786075E-2</v>
      </c>
      <c r="BI58" s="217">
        <v>0.23095484365518409</v>
      </c>
      <c r="BJ58" s="95">
        <v>8.2694241459568607E-2</v>
      </c>
      <c r="BK58" s="217">
        <v>0.32494747917375172</v>
      </c>
      <c r="BL58" s="95">
        <v>9.1018101305512314E-2</v>
      </c>
      <c r="BM58" s="213">
        <v>109</v>
      </c>
      <c r="BN58" s="217">
        <v>0.53692356752582004</v>
      </c>
      <c r="BO58" s="95">
        <v>9.3833115308314285E-2</v>
      </c>
      <c r="BP58" s="217">
        <v>0.20525309676945672</v>
      </c>
      <c r="BQ58" s="95">
        <v>7.7383289082560563E-2</v>
      </c>
      <c r="BR58" s="217">
        <v>0.25782333570472316</v>
      </c>
      <c r="BS58" s="95">
        <v>8.3173590294074687E-2</v>
      </c>
      <c r="BT58" s="213">
        <v>94</v>
      </c>
      <c r="BU58" s="217">
        <v>0.5671357398106559</v>
      </c>
      <c r="BV58" s="95">
        <v>0.10017397496298819</v>
      </c>
      <c r="BW58" s="217">
        <v>0.23233587384061988</v>
      </c>
      <c r="BX58" s="95">
        <v>8.6681461233938259E-2</v>
      </c>
      <c r="BY58" s="217">
        <v>0.20052838634872441</v>
      </c>
      <c r="BZ58" s="95">
        <v>8.2681692125303588E-2</v>
      </c>
    </row>
    <row r="59" spans="1:78">
      <c r="A59" s="43" t="s">
        <v>587</v>
      </c>
      <c r="B59" s="212">
        <v>5807</v>
      </c>
      <c r="C59" s="216">
        <v>0.36992547141276461</v>
      </c>
      <c r="D59" s="92">
        <v>1.2667162139222051E-2</v>
      </c>
      <c r="E59" s="216">
        <v>0.15913954785265413</v>
      </c>
      <c r="F59" s="92">
        <v>9.6031762833557674E-3</v>
      </c>
      <c r="G59" s="216">
        <v>0.47093498073459572</v>
      </c>
      <c r="H59" s="92">
        <v>1.3096057416114111E-2</v>
      </c>
      <c r="I59" s="212">
        <v>5772</v>
      </c>
      <c r="J59" s="216">
        <v>0.31666546016153257</v>
      </c>
      <c r="K59" s="92">
        <v>1.2242782479481545E-2</v>
      </c>
      <c r="L59" s="216">
        <v>0.20904128445921999</v>
      </c>
      <c r="M59" s="92">
        <v>1.0704422115355557E-2</v>
      </c>
      <c r="N59" s="216">
        <v>0.4742932553792627</v>
      </c>
      <c r="O59" s="92">
        <v>1.3140516899419422E-2</v>
      </c>
      <c r="P59" s="212">
        <v>5329</v>
      </c>
      <c r="Q59" s="216">
        <v>0.30165622082868199</v>
      </c>
      <c r="R59" s="92">
        <v>1.2571751308402993E-2</v>
      </c>
      <c r="S59" s="216">
        <v>0.18384729352818624</v>
      </c>
      <c r="T59" s="92">
        <v>1.0613908424317768E-2</v>
      </c>
      <c r="U59" s="216">
        <v>0.51449648564314709</v>
      </c>
      <c r="V59" s="92">
        <v>1.3687743967383686E-2</v>
      </c>
      <c r="W59" s="212">
        <v>5307</v>
      </c>
      <c r="X59" s="216">
        <v>0.35072011757909471</v>
      </c>
      <c r="Y59" s="92">
        <v>1.3096949482526134E-2</v>
      </c>
      <c r="Z59" s="216">
        <v>0.10855672242851856</v>
      </c>
      <c r="AA59" s="92">
        <v>8.5474026527181703E-3</v>
      </c>
      <c r="AB59" s="216">
        <v>0.5407231599924015</v>
      </c>
      <c r="AC59" s="92">
        <v>1.3676305295936338E-2</v>
      </c>
      <c r="AD59" s="212">
        <v>6159</v>
      </c>
      <c r="AE59" s="216">
        <v>0.49200909475055843</v>
      </c>
      <c r="AF59" s="92">
        <v>1.2736453597112701E-2</v>
      </c>
      <c r="AG59" s="216">
        <v>0.14892385367669939</v>
      </c>
      <c r="AH59" s="92">
        <v>9.0755739627321232E-3</v>
      </c>
      <c r="AI59" s="216">
        <v>0.35906705157275615</v>
      </c>
      <c r="AJ59" s="92">
        <v>1.2222282183163583E-2</v>
      </c>
      <c r="AK59" s="212">
        <v>5377</v>
      </c>
      <c r="AL59" s="216">
        <v>0.52363350485891813</v>
      </c>
      <c r="AM59" s="92">
        <v>1.361706592185412E-2</v>
      </c>
      <c r="AN59" s="216">
        <v>0.15665734289254873</v>
      </c>
      <c r="AO59" s="92">
        <v>9.9166200365551939E-3</v>
      </c>
      <c r="AP59" s="216">
        <v>0.31970915224854723</v>
      </c>
      <c r="AQ59" s="92">
        <v>1.2716616458919264E-2</v>
      </c>
      <c r="AR59" s="212">
        <v>6245</v>
      </c>
      <c r="AS59" s="216">
        <v>0.60718193737459458</v>
      </c>
      <c r="AT59" s="92">
        <v>1.2356437154590014E-2</v>
      </c>
      <c r="AU59" s="216">
        <v>0.14000627798833823</v>
      </c>
      <c r="AV59" s="92">
        <v>8.7850662420184324E-3</v>
      </c>
      <c r="AW59" s="216">
        <v>0.25281178463707532</v>
      </c>
      <c r="AX59" s="92">
        <v>1.0998368614203618E-2</v>
      </c>
      <c r="AY59" s="212">
        <v>5253</v>
      </c>
      <c r="AZ59" s="216">
        <v>0.23845815541715601</v>
      </c>
      <c r="BA59" s="92">
        <v>1.1758133186494803E-2</v>
      </c>
      <c r="BB59" s="216">
        <v>0.16676605263129229</v>
      </c>
      <c r="BC59" s="92">
        <v>1.0288738409252585E-2</v>
      </c>
      <c r="BD59" s="216">
        <v>0.5947757919515676</v>
      </c>
      <c r="BE59" s="92">
        <v>1.3542462781043913E-2</v>
      </c>
      <c r="BF59" s="212">
        <v>6144</v>
      </c>
      <c r="BG59" s="216">
        <v>0.43123365745849945</v>
      </c>
      <c r="BH59" s="92">
        <v>1.2632571975279065E-2</v>
      </c>
      <c r="BI59" s="216">
        <v>0.19341700326347408</v>
      </c>
      <c r="BJ59" s="92">
        <v>1.0078712132512971E-2</v>
      </c>
      <c r="BK59" s="216">
        <v>0.37534933927803998</v>
      </c>
      <c r="BL59" s="92">
        <v>1.2351457668188959E-2</v>
      </c>
      <c r="BM59" s="212">
        <v>6302</v>
      </c>
      <c r="BN59" s="216">
        <v>0.47658130911028307</v>
      </c>
      <c r="BO59" s="92">
        <v>1.2579017876798829E-2</v>
      </c>
      <c r="BP59" s="216">
        <v>0.13180504893591999</v>
      </c>
      <c r="BQ59" s="92">
        <v>8.526163866835499E-3</v>
      </c>
      <c r="BR59" s="216">
        <v>0.39161364195381354</v>
      </c>
      <c r="BS59" s="92">
        <v>1.2293774156313456E-2</v>
      </c>
      <c r="BT59" s="212">
        <v>4428</v>
      </c>
      <c r="BU59" s="216">
        <v>0.4465880425335419</v>
      </c>
      <c r="BV59" s="92">
        <v>1.4935248629529036E-2</v>
      </c>
      <c r="BW59" s="216">
        <v>0.1615884812824249</v>
      </c>
      <c r="BX59" s="92">
        <v>1.1066107139731633E-2</v>
      </c>
      <c r="BY59" s="216">
        <v>0.39182347618404734</v>
      </c>
      <c r="BZ59" s="92">
        <v>1.4665923357862721E-2</v>
      </c>
    </row>
  </sheetData>
  <mergeCells count="16">
    <mergeCell ref="BT34:BZ34"/>
    <mergeCell ref="AK34:AQ34"/>
    <mergeCell ref="AR34:AX34"/>
    <mergeCell ref="AY34:BE34"/>
    <mergeCell ref="BF34:BL34"/>
    <mergeCell ref="BM34:BS34"/>
    <mergeCell ref="B34:H34"/>
    <mergeCell ref="I34:O34"/>
    <mergeCell ref="P34:V34"/>
    <mergeCell ref="W34:AC34"/>
    <mergeCell ref="AD34:AJ34"/>
    <mergeCell ref="A3:D3"/>
    <mergeCell ref="A4:D4"/>
    <mergeCell ref="A5:D5"/>
    <mergeCell ref="A32:BZ32"/>
    <mergeCell ref="A33:BZ33"/>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302" customWidth="1"/>
    <col min="2" max="9" width="8.85546875" style="19"/>
    <col min="10" max="10" width="19.42578125" style="19" customWidth="1"/>
    <col min="11" max="12" width="8.85546875" style="19"/>
    <col min="13" max="13" width="9.140625" style="19" customWidth="1"/>
    <col min="14" max="16384" width="8.85546875" style="19"/>
  </cols>
  <sheetData>
    <row r="1" spans="1:14" s="9" customFormat="1" ht="23.25">
      <c r="A1" s="304" t="s">
        <v>357</v>
      </c>
      <c r="F1" s="319"/>
      <c r="G1" s="319"/>
      <c r="H1" s="319"/>
      <c r="I1" s="319"/>
      <c r="J1" s="319"/>
      <c r="K1" s="319"/>
      <c r="L1" s="319"/>
      <c r="M1" s="319"/>
      <c r="N1" s="319"/>
    </row>
    <row r="2" spans="1:14" ht="21">
      <c r="A2" s="305"/>
      <c r="B2" s="12"/>
      <c r="C2" s="12"/>
      <c r="D2" s="12"/>
      <c r="E2" s="12"/>
      <c r="F2" s="320"/>
      <c r="G2" s="320"/>
      <c r="H2" s="320"/>
      <c r="I2" s="320"/>
      <c r="J2" s="320"/>
      <c r="K2" s="320"/>
      <c r="L2" s="320"/>
      <c r="M2" s="320"/>
      <c r="N2" s="320"/>
    </row>
    <row r="3" spans="1:14" s="11" customFormat="1" ht="21">
      <c r="A3" s="306" t="s">
        <v>150</v>
      </c>
      <c r="B3" s="10"/>
      <c r="C3" s="10"/>
      <c r="D3" s="10"/>
      <c r="E3" s="10"/>
      <c r="F3" s="18"/>
      <c r="G3" s="18"/>
      <c r="H3" s="18"/>
      <c r="I3" s="18"/>
      <c r="J3" s="18"/>
      <c r="K3" s="18"/>
      <c r="L3" s="18"/>
      <c r="M3" s="18"/>
      <c r="N3" s="18"/>
    </row>
    <row r="4" spans="1:14" s="11" customFormat="1" ht="31.5">
      <c r="A4" s="305" t="s">
        <v>458</v>
      </c>
      <c r="B4" s="10"/>
      <c r="C4" s="10"/>
      <c r="D4" s="10"/>
      <c r="E4" s="10"/>
      <c r="F4" s="18"/>
      <c r="G4" s="18"/>
      <c r="H4" s="18"/>
      <c r="I4" s="18"/>
      <c r="J4" s="18"/>
      <c r="K4" s="18"/>
      <c r="L4" s="18"/>
      <c r="M4" s="18"/>
      <c r="N4" s="18"/>
    </row>
    <row r="5" spans="1:14" ht="18.75" customHeight="1">
      <c r="A5" s="305"/>
      <c r="B5" s="12"/>
      <c r="C5" s="12"/>
      <c r="D5" s="12"/>
      <c r="E5" s="12"/>
      <c r="F5" s="18"/>
      <c r="G5" s="18"/>
      <c r="H5" s="18"/>
      <c r="I5" s="18"/>
      <c r="J5" s="18"/>
      <c r="K5" s="18"/>
      <c r="L5" s="18"/>
      <c r="M5" s="18"/>
      <c r="N5" s="18"/>
    </row>
    <row r="6" spans="1:14">
      <c r="A6" s="307" t="s">
        <v>151</v>
      </c>
      <c r="B6" s="12"/>
      <c r="C6" s="12"/>
      <c r="D6" s="12"/>
      <c r="E6" s="12"/>
    </row>
    <row r="7" spans="1:14" ht="51" customHeight="1">
      <c r="A7" s="308" t="s">
        <v>221</v>
      </c>
      <c r="B7" s="12"/>
      <c r="C7" s="12"/>
      <c r="D7" s="12"/>
      <c r="E7" s="12"/>
      <c r="F7" s="12"/>
      <c r="G7" s="12"/>
    </row>
    <row r="8" spans="1:14">
      <c r="A8" s="223"/>
      <c r="B8" s="12"/>
      <c r="C8" s="12"/>
      <c r="D8" s="12"/>
      <c r="E8" s="12"/>
      <c r="F8" s="12"/>
      <c r="G8" s="12"/>
    </row>
    <row r="9" spans="1:14">
      <c r="A9" s="306" t="s">
        <v>152</v>
      </c>
      <c r="B9" s="12"/>
      <c r="C9" s="12"/>
      <c r="D9" s="12"/>
      <c r="E9" s="12"/>
      <c r="F9" s="12"/>
      <c r="G9" s="12"/>
    </row>
    <row r="10" spans="1:14" ht="30">
      <c r="A10" s="305" t="s">
        <v>608</v>
      </c>
      <c r="B10" s="12"/>
      <c r="C10" s="12"/>
      <c r="D10" s="12"/>
      <c r="E10" s="12"/>
      <c r="F10" s="12"/>
      <c r="G10" s="12"/>
    </row>
    <row r="11" spans="1:14">
      <c r="A11" s="228"/>
      <c r="B11" s="13"/>
      <c r="C11" s="13"/>
      <c r="D11" s="13"/>
      <c r="E11" s="13"/>
    </row>
    <row r="12" spans="1:14">
      <c r="A12" s="306" t="s">
        <v>153</v>
      </c>
    </row>
    <row r="13" spans="1:14" ht="135">
      <c r="A13" s="305" t="s">
        <v>459</v>
      </c>
    </row>
    <row r="14" spans="1:14">
      <c r="A14" s="223"/>
    </row>
    <row r="15" spans="1:14">
      <c r="A15" s="307" t="s">
        <v>2</v>
      </c>
    </row>
    <row r="16" spans="1:14" ht="45">
      <c r="A16" s="308" t="s">
        <v>154</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29"/>
  <sheetViews>
    <sheetView workbookViewId="0"/>
  </sheetViews>
  <sheetFormatPr defaultColWidth="8.85546875" defaultRowHeight="15"/>
  <cols>
    <col min="1" max="1" width="135.85546875" style="302" customWidth="1"/>
    <col min="2" max="7" width="8.85546875" style="2"/>
    <col min="8" max="8" width="19.42578125" style="2" customWidth="1"/>
    <col min="9" max="10" width="8.85546875" style="2"/>
    <col min="11" max="11" width="9.140625" style="2" customWidth="1"/>
    <col min="12" max="16384" width="8.85546875" style="2"/>
  </cols>
  <sheetData>
    <row r="1" spans="1:14" ht="23.25">
      <c r="A1" s="304" t="s">
        <v>590</v>
      </c>
      <c r="B1" s="8"/>
      <c r="C1" s="8"/>
      <c r="D1" s="8"/>
      <c r="E1" s="8"/>
      <c r="F1" s="8"/>
      <c r="G1" s="8"/>
      <c r="N1" s="7"/>
    </row>
    <row r="2" spans="1:14" ht="75">
      <c r="A2" s="316" t="s">
        <v>605</v>
      </c>
      <c r="B2" s="6"/>
      <c r="C2" s="6"/>
      <c r="D2" s="6"/>
    </row>
    <row r="3" spans="1:14" s="16" customFormat="1">
      <c r="A3" s="305"/>
      <c r="B3" s="12"/>
      <c r="C3" s="12"/>
      <c r="D3" s="12"/>
    </row>
    <row r="4" spans="1:14" s="224" customFormat="1">
      <c r="A4" s="306" t="s">
        <v>348</v>
      </c>
      <c r="B4" s="12"/>
      <c r="C4" s="12"/>
      <c r="D4" s="12"/>
    </row>
    <row r="5" spans="1:14" s="224" customFormat="1" ht="30">
      <c r="A5" s="305" t="s">
        <v>591</v>
      </c>
      <c r="B5" s="12"/>
      <c r="C5" s="12"/>
      <c r="D5" s="12"/>
    </row>
    <row r="6" spans="1:14" s="224" customFormat="1">
      <c r="A6" s="305"/>
      <c r="B6" s="12"/>
      <c r="C6" s="12"/>
      <c r="D6" s="12"/>
    </row>
    <row r="7" spans="1:14" s="17" customFormat="1">
      <c r="A7" s="307" t="s">
        <v>349</v>
      </c>
      <c r="B7" s="12"/>
      <c r="C7" s="12"/>
      <c r="D7" s="12"/>
    </row>
    <row r="8" spans="1:14" s="17" customFormat="1" ht="30">
      <c r="A8" s="317" t="s">
        <v>592</v>
      </c>
      <c r="B8" s="12"/>
      <c r="C8" s="12"/>
      <c r="D8" s="12"/>
    </row>
    <row r="9" spans="1:14" s="224" customFormat="1">
      <c r="A9" s="317"/>
      <c r="B9" s="12"/>
      <c r="C9" s="12"/>
      <c r="D9" s="12"/>
    </row>
    <row r="10" spans="1:14" s="224" customFormat="1">
      <c r="A10" s="318" t="s">
        <v>350</v>
      </c>
      <c r="B10" s="12"/>
      <c r="C10" s="12"/>
      <c r="D10" s="12"/>
    </row>
    <row r="11" spans="1:14" s="224" customFormat="1" ht="30">
      <c r="A11" s="317" t="s">
        <v>606</v>
      </c>
      <c r="B11" s="12"/>
      <c r="C11" s="12"/>
      <c r="D11" s="12"/>
    </row>
    <row r="12" spans="1:14" s="224" customFormat="1">
      <c r="A12" s="317"/>
      <c r="B12" s="12"/>
      <c r="C12" s="12"/>
      <c r="D12" s="12"/>
    </row>
    <row r="13" spans="1:14" s="224" customFormat="1">
      <c r="A13" s="318" t="s">
        <v>593</v>
      </c>
      <c r="B13" s="12"/>
      <c r="C13" s="12"/>
      <c r="D13" s="12"/>
    </row>
    <row r="14" spans="1:14" s="224" customFormat="1" ht="90">
      <c r="A14" s="317" t="s">
        <v>597</v>
      </c>
      <c r="B14" s="12"/>
      <c r="C14" s="12"/>
      <c r="D14" s="12"/>
    </row>
    <row r="15" spans="1:14" s="224" customFormat="1">
      <c r="A15" s="315"/>
      <c r="B15" s="12"/>
      <c r="C15" s="12"/>
      <c r="D15" s="12"/>
    </row>
    <row r="16" spans="1:14" s="224" customFormat="1">
      <c r="A16" s="318" t="s">
        <v>594</v>
      </c>
      <c r="B16" s="12"/>
      <c r="C16" s="12"/>
      <c r="D16" s="12"/>
    </row>
    <row r="17" spans="1:4" s="224" customFormat="1" ht="60">
      <c r="A17" s="317" t="s">
        <v>598</v>
      </c>
      <c r="B17" s="12"/>
      <c r="C17" s="12"/>
      <c r="D17" s="12"/>
    </row>
    <row r="18" spans="1:4" s="224" customFormat="1">
      <c r="A18" s="317"/>
      <c r="B18" s="12"/>
      <c r="C18" s="12"/>
      <c r="D18" s="12"/>
    </row>
    <row r="19" spans="1:4" s="224" customFormat="1">
      <c r="A19" s="318" t="s">
        <v>588</v>
      </c>
      <c r="B19" s="12"/>
      <c r="C19" s="12"/>
      <c r="D19" s="12"/>
    </row>
    <row r="20" spans="1:4" s="224" customFormat="1" ht="45">
      <c r="A20" s="317" t="s">
        <v>607</v>
      </c>
      <c r="B20" s="12"/>
      <c r="C20" s="12"/>
      <c r="D20" s="12"/>
    </row>
    <row r="21" spans="1:4" s="224" customFormat="1">
      <c r="A21" s="315"/>
      <c r="B21" s="12"/>
      <c r="C21" s="12"/>
      <c r="D21" s="12"/>
    </row>
    <row r="22" spans="1:4" s="224" customFormat="1">
      <c r="A22" s="318" t="s">
        <v>589</v>
      </c>
      <c r="B22" s="12"/>
      <c r="C22" s="12"/>
      <c r="D22" s="12"/>
    </row>
    <row r="23" spans="1:4" s="224" customFormat="1" ht="60">
      <c r="A23" s="317" t="s">
        <v>596</v>
      </c>
      <c r="B23" s="12"/>
      <c r="C23" s="12"/>
      <c r="D23" s="12"/>
    </row>
    <row r="24" spans="1:4" s="224" customFormat="1">
      <c r="A24" s="317"/>
      <c r="B24" s="12"/>
      <c r="C24" s="12"/>
      <c r="D24" s="12"/>
    </row>
    <row r="25" spans="1:4">
      <c r="A25" s="318" t="s">
        <v>595</v>
      </c>
    </row>
    <row r="26" spans="1:4" ht="60">
      <c r="A26" s="317" t="s">
        <v>599</v>
      </c>
    </row>
    <row r="27" spans="1:4">
      <c r="A27" s="315"/>
    </row>
    <row r="28" spans="1:4">
      <c r="A28" s="318" t="s">
        <v>584</v>
      </c>
    </row>
    <row r="29" spans="1:4" ht="45">
      <c r="A29" s="317" t="s">
        <v>600</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81"/>
  <sheetViews>
    <sheetView zoomScaleNormal="100" workbookViewId="0">
      <selection sqref="A1:D1"/>
    </sheetView>
  </sheetViews>
  <sheetFormatPr defaultColWidth="8.85546875" defaultRowHeight="15"/>
  <cols>
    <col min="1" max="1" width="8.85546875" style="14"/>
    <col min="2" max="2" width="35.7109375" style="224" customWidth="1"/>
    <col min="3" max="3" width="36.140625" style="224" customWidth="1"/>
    <col min="4" max="4" width="26.85546875" style="224" customWidth="1"/>
    <col min="5" max="5" width="8.85546875" style="224"/>
    <col min="6" max="6" width="23.42578125" style="224" customWidth="1"/>
    <col min="7" max="16384" width="8.85546875" style="224"/>
  </cols>
  <sheetData>
    <row r="1" spans="1:9" ht="21">
      <c r="A1" s="324" t="s">
        <v>0</v>
      </c>
      <c r="B1" s="324"/>
      <c r="C1" s="324"/>
      <c r="D1" s="324"/>
      <c r="E1" s="226"/>
      <c r="F1" s="226"/>
      <c r="G1" s="226"/>
      <c r="H1" s="226"/>
      <c r="I1" s="226"/>
    </row>
    <row r="2" spans="1:9" ht="21">
      <c r="A2" s="227"/>
      <c r="B2" s="227"/>
      <c r="C2" s="227"/>
      <c r="D2" s="227"/>
      <c r="E2" s="226"/>
      <c r="F2" s="226"/>
      <c r="G2" s="226"/>
      <c r="H2" s="226"/>
      <c r="I2" s="226"/>
    </row>
    <row r="3" spans="1:9" ht="21">
      <c r="A3" s="227" t="s">
        <v>5</v>
      </c>
      <c r="B3" s="227"/>
      <c r="C3" s="227"/>
      <c r="D3" s="227"/>
      <c r="E3" s="226"/>
      <c r="F3" s="226"/>
      <c r="G3" s="226"/>
      <c r="H3" s="226"/>
      <c r="I3" s="226"/>
    </row>
    <row r="4" spans="1:9" ht="21">
      <c r="A4" s="20"/>
      <c r="B4" s="226"/>
      <c r="C4" s="226"/>
      <c r="D4" s="226"/>
      <c r="E4" s="21"/>
      <c r="F4" s="226"/>
      <c r="G4" s="226"/>
      <c r="H4" s="226"/>
      <c r="I4" s="226"/>
    </row>
    <row r="5" spans="1:9" ht="18.75">
      <c r="A5" s="326" t="s">
        <v>59</v>
      </c>
      <c r="B5" s="326"/>
      <c r="C5" s="22"/>
      <c r="D5" s="226"/>
      <c r="E5" s="226"/>
      <c r="F5" s="226"/>
      <c r="G5" s="226"/>
      <c r="H5" s="226"/>
      <c r="I5" s="226"/>
    </row>
    <row r="6" spans="1:9" ht="18.75">
      <c r="A6" s="30"/>
      <c r="B6" s="22"/>
      <c r="C6" s="22"/>
      <c r="D6" s="226"/>
      <c r="E6" s="226"/>
      <c r="F6" s="226"/>
      <c r="G6" s="226"/>
      <c r="H6" s="226"/>
      <c r="I6" s="226"/>
    </row>
    <row r="7" spans="1:9" ht="18.75">
      <c r="A7" s="23">
        <v>1</v>
      </c>
      <c r="B7" s="234" t="s">
        <v>6</v>
      </c>
      <c r="C7" s="226"/>
      <c r="D7" s="226"/>
      <c r="E7" s="25"/>
      <c r="F7" s="25"/>
      <c r="G7" s="226"/>
      <c r="H7" s="226"/>
      <c r="I7" s="226"/>
    </row>
    <row r="8" spans="1:9">
      <c r="A8" s="23"/>
      <c r="B8" s="322" t="s">
        <v>8</v>
      </c>
      <c r="C8" s="322"/>
      <c r="D8" s="322"/>
      <c r="E8" s="322"/>
      <c r="F8" s="322"/>
      <c r="G8" s="226"/>
      <c r="H8" s="226"/>
      <c r="I8" s="226"/>
    </row>
    <row r="9" spans="1:9" ht="18.75">
      <c r="A9" s="30"/>
      <c r="B9" s="22"/>
      <c r="C9" s="22"/>
      <c r="D9" s="226"/>
      <c r="E9" s="226"/>
      <c r="F9" s="226"/>
      <c r="G9" s="226"/>
      <c r="H9" s="226"/>
      <c r="I9" s="226"/>
    </row>
    <row r="10" spans="1:9" ht="18.75">
      <c r="A10" s="23">
        <v>1</v>
      </c>
      <c r="B10" s="24" t="s">
        <v>7</v>
      </c>
      <c r="C10" s="226"/>
      <c r="D10" s="226"/>
      <c r="E10" s="25"/>
      <c r="F10" s="25"/>
      <c r="G10" s="226"/>
      <c r="H10" s="226"/>
      <c r="I10" s="226"/>
    </row>
    <row r="11" spans="1:9">
      <c r="A11" s="23"/>
      <c r="B11" s="322" t="s">
        <v>9</v>
      </c>
      <c r="C11" s="322"/>
      <c r="D11" s="322"/>
      <c r="E11" s="26"/>
      <c r="F11" s="26"/>
      <c r="G11" s="226"/>
      <c r="H11" s="226"/>
      <c r="I11" s="226"/>
    </row>
    <row r="12" spans="1:9" ht="18.75">
      <c r="A12" s="30"/>
      <c r="B12" s="22"/>
      <c r="C12" s="22"/>
      <c r="D12" s="226"/>
      <c r="E12" s="226"/>
      <c r="F12" s="226"/>
      <c r="G12" s="226"/>
      <c r="H12" s="226"/>
      <c r="I12" s="226"/>
    </row>
    <row r="13" spans="1:9" ht="18.75">
      <c r="A13" s="23">
        <v>1</v>
      </c>
      <c r="B13" s="24" t="s">
        <v>54</v>
      </c>
      <c r="C13" s="22"/>
      <c r="D13" s="226"/>
      <c r="E13" s="226"/>
      <c r="F13" s="226"/>
      <c r="G13" s="226"/>
      <c r="H13" s="226"/>
      <c r="I13" s="226"/>
    </row>
    <row r="14" spans="1:9" ht="18.75">
      <c r="A14" s="30"/>
      <c r="B14" s="226" t="s">
        <v>55</v>
      </c>
      <c r="C14" s="22"/>
      <c r="D14" s="226"/>
      <c r="E14" s="226"/>
      <c r="F14" s="226"/>
      <c r="G14" s="226"/>
      <c r="H14" s="226"/>
      <c r="I14" s="226"/>
    </row>
    <row r="15" spans="1:9" ht="18.75">
      <c r="A15" s="30"/>
      <c r="B15" s="226"/>
      <c r="C15" s="22"/>
      <c r="D15" s="226"/>
      <c r="E15" s="226"/>
      <c r="F15" s="226"/>
      <c r="G15" s="226"/>
      <c r="H15" s="226"/>
      <c r="I15" s="226"/>
    </row>
    <row r="16" spans="1:9" ht="18.75">
      <c r="A16" s="23">
        <v>1</v>
      </c>
      <c r="B16" s="24" t="s">
        <v>513</v>
      </c>
      <c r="C16" s="22"/>
      <c r="D16" s="226"/>
      <c r="E16" s="226"/>
      <c r="F16" s="226"/>
      <c r="G16" s="226"/>
      <c r="H16" s="226"/>
      <c r="I16" s="226"/>
    </row>
    <row r="17" spans="1:9" ht="18.75">
      <c r="A17" s="30"/>
      <c r="B17" s="226" t="s">
        <v>56</v>
      </c>
      <c r="C17" s="22"/>
      <c r="D17" s="226"/>
      <c r="E17" s="226"/>
      <c r="F17" s="226"/>
      <c r="G17" s="226"/>
      <c r="H17" s="226"/>
      <c r="I17" s="226"/>
    </row>
    <row r="18" spans="1:9" ht="18.75">
      <c r="A18" s="30"/>
      <c r="B18" s="310"/>
      <c r="C18" s="22"/>
      <c r="D18" s="310"/>
      <c r="E18" s="310"/>
      <c r="F18" s="310"/>
      <c r="G18" s="310"/>
      <c r="H18" s="310"/>
      <c r="I18" s="310"/>
    </row>
    <row r="19" spans="1:9" ht="18.75">
      <c r="A19" s="23">
        <v>1</v>
      </c>
      <c r="B19" s="24" t="s">
        <v>491</v>
      </c>
      <c r="C19" s="22"/>
      <c r="D19" s="310"/>
      <c r="E19" s="310"/>
      <c r="F19" s="310"/>
      <c r="G19" s="310"/>
      <c r="H19" s="310"/>
      <c r="I19" s="310"/>
    </row>
    <row r="20" spans="1:9" ht="18.75">
      <c r="A20" s="30"/>
      <c r="B20" s="310" t="s">
        <v>492</v>
      </c>
      <c r="C20" s="22"/>
      <c r="D20" s="310"/>
      <c r="E20" s="310"/>
      <c r="F20" s="310"/>
      <c r="G20" s="310"/>
      <c r="H20" s="310"/>
      <c r="I20" s="310"/>
    </row>
    <row r="21" spans="1:9" ht="18.75">
      <c r="A21" s="30"/>
      <c r="B21" s="310"/>
      <c r="C21" s="22"/>
      <c r="D21" s="310"/>
      <c r="E21" s="310"/>
      <c r="F21" s="310"/>
      <c r="G21" s="310"/>
      <c r="H21" s="310"/>
      <c r="I21" s="310"/>
    </row>
    <row r="22" spans="1:9" ht="18.75">
      <c r="A22" s="23">
        <v>1</v>
      </c>
      <c r="B22" s="24" t="s">
        <v>493</v>
      </c>
      <c r="C22" s="22"/>
      <c r="D22" s="310"/>
      <c r="E22" s="310"/>
      <c r="F22" s="310"/>
      <c r="G22" s="310"/>
      <c r="H22" s="310"/>
      <c r="I22" s="310"/>
    </row>
    <row r="23" spans="1:9" ht="18.75">
      <c r="A23" s="30"/>
      <c r="B23" s="310" t="s">
        <v>494</v>
      </c>
      <c r="C23" s="22"/>
      <c r="D23" s="310"/>
      <c r="E23" s="310"/>
      <c r="F23" s="310"/>
      <c r="G23" s="310"/>
      <c r="H23" s="310"/>
      <c r="I23" s="310"/>
    </row>
    <row r="24" spans="1:9" ht="18.75">
      <c r="A24" s="30"/>
      <c r="B24" s="310"/>
      <c r="C24" s="22"/>
      <c r="D24" s="310"/>
      <c r="E24" s="310"/>
      <c r="F24" s="310"/>
      <c r="G24" s="310"/>
      <c r="H24" s="310"/>
      <c r="I24" s="310"/>
    </row>
    <row r="25" spans="1:9" ht="18.75">
      <c r="A25" s="327" t="s">
        <v>60</v>
      </c>
      <c r="B25" s="327"/>
      <c r="C25" s="22"/>
      <c r="D25" s="226"/>
      <c r="E25" s="226"/>
      <c r="F25" s="226"/>
      <c r="G25" s="226"/>
      <c r="H25" s="226"/>
      <c r="I25" s="226"/>
    </row>
    <row r="26" spans="1:9" ht="18.75">
      <c r="A26" s="30"/>
      <c r="B26" s="226"/>
      <c r="C26" s="22"/>
      <c r="D26" s="226"/>
      <c r="E26" s="226"/>
      <c r="F26" s="226"/>
      <c r="G26" s="226"/>
      <c r="H26" s="226"/>
      <c r="I26" s="226"/>
    </row>
    <row r="27" spans="1:9" s="15" customFormat="1" ht="18.75">
      <c r="A27" s="23">
        <v>2</v>
      </c>
      <c r="B27" s="24" t="s">
        <v>495</v>
      </c>
      <c r="C27" s="226"/>
      <c r="D27" s="226"/>
      <c r="E27" s="25"/>
      <c r="F27" s="25"/>
      <c r="G27" s="25"/>
      <c r="H27" s="25"/>
      <c r="I27" s="25"/>
    </row>
    <row r="28" spans="1:9">
      <c r="A28" s="23"/>
      <c r="B28" s="321" t="s">
        <v>497</v>
      </c>
      <c r="C28" s="322"/>
      <c r="D28" s="322"/>
      <c r="E28" s="322"/>
      <c r="F28" s="322"/>
      <c r="G28" s="322"/>
      <c r="H28" s="226"/>
      <c r="I28" s="226"/>
    </row>
    <row r="29" spans="1:9">
      <c r="A29" s="23"/>
      <c r="B29" s="226"/>
      <c r="C29" s="226"/>
      <c r="D29" s="226"/>
      <c r="E29" s="226"/>
      <c r="F29" s="226"/>
      <c r="G29" s="226"/>
      <c r="H29" s="226"/>
      <c r="I29" s="226"/>
    </row>
    <row r="30" spans="1:9" s="15" customFormat="1" ht="18.75">
      <c r="A30" s="23">
        <v>2</v>
      </c>
      <c r="B30" s="24" t="s">
        <v>496</v>
      </c>
      <c r="C30" s="310"/>
      <c r="D30" s="310"/>
      <c r="E30" s="25"/>
      <c r="F30" s="25"/>
      <c r="G30" s="25"/>
      <c r="H30" s="25"/>
      <c r="I30" s="25"/>
    </row>
    <row r="31" spans="1:9">
      <c r="A31" s="23"/>
      <c r="B31" s="321" t="s">
        <v>57</v>
      </c>
      <c r="C31" s="322"/>
      <c r="D31" s="322"/>
      <c r="E31" s="322"/>
      <c r="F31" s="322"/>
      <c r="G31" s="322"/>
      <c r="H31" s="310"/>
      <c r="I31" s="310"/>
    </row>
    <row r="32" spans="1:9">
      <c r="A32" s="23"/>
      <c r="B32" s="310"/>
      <c r="C32" s="310"/>
      <c r="D32" s="310"/>
      <c r="E32" s="310"/>
      <c r="F32" s="310"/>
      <c r="G32" s="310"/>
      <c r="H32" s="310"/>
      <c r="I32" s="310"/>
    </row>
    <row r="33" spans="1:9">
      <c r="A33" s="23">
        <v>2</v>
      </c>
      <c r="B33" s="24" t="s">
        <v>337</v>
      </c>
      <c r="C33" s="226"/>
      <c r="D33" s="226"/>
      <c r="E33" s="226"/>
      <c r="F33" s="226"/>
      <c r="G33" s="226"/>
      <c r="H33" s="226"/>
      <c r="I33" s="226"/>
    </row>
    <row r="34" spans="1:9">
      <c r="A34" s="23"/>
      <c r="B34" s="226" t="s">
        <v>58</v>
      </c>
      <c r="C34" s="226"/>
      <c r="D34" s="226"/>
      <c r="E34" s="226"/>
      <c r="F34" s="226"/>
      <c r="G34" s="226"/>
      <c r="H34" s="226"/>
      <c r="I34" s="226"/>
    </row>
    <row r="35" spans="1:9">
      <c r="A35" s="23"/>
      <c r="B35" s="226"/>
      <c r="C35" s="226"/>
      <c r="D35" s="226"/>
      <c r="E35" s="226"/>
      <c r="F35" s="226"/>
      <c r="G35" s="226"/>
      <c r="H35" s="226"/>
      <c r="I35" s="226"/>
    </row>
    <row r="36" spans="1:9">
      <c r="A36" s="23">
        <v>2</v>
      </c>
      <c r="B36" s="24" t="s">
        <v>226</v>
      </c>
      <c r="C36" s="226"/>
      <c r="D36" s="226"/>
      <c r="E36" s="226"/>
      <c r="F36" s="226"/>
      <c r="G36" s="226"/>
      <c r="H36" s="226"/>
      <c r="I36" s="226"/>
    </row>
    <row r="37" spans="1:9">
      <c r="A37" s="23"/>
      <c r="B37" s="226" t="s">
        <v>460</v>
      </c>
      <c r="C37" s="226"/>
      <c r="D37" s="226"/>
      <c r="E37" s="226"/>
      <c r="F37" s="226"/>
      <c r="G37" s="226"/>
      <c r="H37" s="226"/>
      <c r="I37" s="226"/>
    </row>
    <row r="38" spans="1:9">
      <c r="A38" s="23"/>
      <c r="B38" s="310"/>
      <c r="C38" s="310"/>
      <c r="D38" s="310"/>
      <c r="E38" s="310"/>
      <c r="F38" s="310"/>
      <c r="G38" s="310"/>
      <c r="H38" s="310"/>
      <c r="I38" s="310"/>
    </row>
    <row r="39" spans="1:9">
      <c r="A39" s="23">
        <v>2</v>
      </c>
      <c r="B39" s="24" t="s">
        <v>498</v>
      </c>
      <c r="C39" s="310"/>
      <c r="D39" s="310"/>
      <c r="E39" s="310"/>
      <c r="F39" s="310"/>
      <c r="G39" s="310"/>
      <c r="H39" s="310"/>
      <c r="I39" s="310"/>
    </row>
    <row r="40" spans="1:9">
      <c r="A40" s="23"/>
      <c r="B40" s="310" t="s">
        <v>499</v>
      </c>
      <c r="C40" s="310"/>
      <c r="D40" s="310"/>
      <c r="E40" s="310"/>
      <c r="F40" s="310"/>
      <c r="G40" s="310"/>
      <c r="H40" s="310"/>
      <c r="I40" s="310"/>
    </row>
    <row r="41" spans="1:9">
      <c r="A41" s="23"/>
      <c r="B41" s="226"/>
      <c r="C41" s="226"/>
      <c r="D41" s="226"/>
      <c r="E41" s="226"/>
      <c r="F41" s="226"/>
      <c r="G41" s="226"/>
      <c r="H41" s="226"/>
      <c r="I41" s="226"/>
    </row>
    <row r="42" spans="1:9" s="15" customFormat="1" ht="18.75">
      <c r="A42" s="325" t="s">
        <v>18</v>
      </c>
      <c r="B42" s="325"/>
      <c r="C42" s="325"/>
      <c r="D42" s="25"/>
      <c r="E42" s="25"/>
      <c r="F42" s="25"/>
      <c r="G42" s="25"/>
      <c r="H42" s="25"/>
      <c r="I42" s="25"/>
    </row>
    <row r="43" spans="1:9" s="15" customFormat="1" ht="18.75">
      <c r="A43" s="30"/>
      <c r="B43" s="30"/>
      <c r="C43" s="30"/>
      <c r="D43" s="25"/>
      <c r="E43" s="25"/>
      <c r="F43" s="25"/>
      <c r="G43" s="25"/>
      <c r="H43" s="25"/>
      <c r="I43" s="25"/>
    </row>
    <row r="44" spans="1:9" s="15" customFormat="1" ht="18.75">
      <c r="A44" s="327" t="s">
        <v>41</v>
      </c>
      <c r="B44" s="327"/>
      <c r="C44" s="30"/>
      <c r="D44" s="25"/>
      <c r="E44" s="25"/>
      <c r="F44" s="25"/>
      <c r="G44" s="25"/>
      <c r="H44" s="25"/>
      <c r="I44" s="25"/>
    </row>
    <row r="45" spans="1:9" s="15" customFormat="1" ht="18.75">
      <c r="A45" s="30"/>
      <c r="B45" s="30"/>
      <c r="C45" s="30"/>
      <c r="D45" s="25"/>
      <c r="E45" s="25"/>
      <c r="F45" s="25"/>
      <c r="G45" s="25"/>
      <c r="H45" s="25"/>
      <c r="I45" s="25"/>
    </row>
    <row r="46" spans="1:9">
      <c r="A46" s="23">
        <v>3</v>
      </c>
      <c r="B46" s="235" t="s">
        <v>1</v>
      </c>
      <c r="C46" s="226"/>
      <c r="D46" s="226"/>
      <c r="E46" s="226"/>
      <c r="F46" s="226"/>
      <c r="G46" s="226"/>
      <c r="H46" s="226"/>
      <c r="I46" s="226"/>
    </row>
    <row r="47" spans="1:9">
      <c r="A47" s="20"/>
      <c r="B47" s="321" t="s">
        <v>20</v>
      </c>
      <c r="C47" s="322"/>
      <c r="D47" s="322"/>
      <c r="E47" s="322"/>
      <c r="F47" s="24"/>
      <c r="G47" s="226"/>
      <c r="H47" s="226"/>
      <c r="I47" s="226"/>
    </row>
    <row r="48" spans="1:9">
      <c r="A48" s="20"/>
      <c r="B48" s="225"/>
      <c r="C48" s="226"/>
      <c r="D48" s="226"/>
      <c r="E48" s="226"/>
      <c r="F48" s="24"/>
      <c r="G48" s="226"/>
      <c r="H48" s="226"/>
      <c r="I48" s="226"/>
    </row>
    <row r="49" spans="1:9">
      <c r="A49" s="20">
        <v>3</v>
      </c>
      <c r="B49" s="28" t="s">
        <v>34</v>
      </c>
      <c r="C49" s="226"/>
      <c r="D49" s="226"/>
      <c r="E49" s="226"/>
      <c r="F49" s="24"/>
      <c r="G49" s="226"/>
      <c r="H49" s="226"/>
      <c r="I49" s="226"/>
    </row>
    <row r="50" spans="1:9">
      <c r="A50" s="20"/>
      <c r="B50" s="311" t="s">
        <v>514</v>
      </c>
      <c r="C50" s="226"/>
      <c r="D50" s="226"/>
      <c r="E50" s="226"/>
      <c r="F50" s="24"/>
      <c r="G50" s="226"/>
      <c r="H50" s="226"/>
      <c r="I50" s="226"/>
    </row>
    <row r="51" spans="1:9">
      <c r="A51" s="20"/>
      <c r="B51" s="225"/>
      <c r="C51" s="226"/>
      <c r="D51" s="226"/>
      <c r="E51" s="226"/>
      <c r="F51" s="24"/>
      <c r="G51" s="226"/>
      <c r="H51" s="226"/>
      <c r="I51" s="226"/>
    </row>
    <row r="52" spans="1:9">
      <c r="A52" s="20">
        <v>3</v>
      </c>
      <c r="B52" s="28" t="s">
        <v>35</v>
      </c>
      <c r="C52" s="226"/>
      <c r="D52" s="226"/>
      <c r="E52" s="226"/>
      <c r="F52" s="24"/>
      <c r="G52" s="226"/>
      <c r="H52" s="226"/>
      <c r="I52" s="226"/>
    </row>
    <row r="53" spans="1:9">
      <c r="A53" s="20"/>
      <c r="B53" s="311" t="s">
        <v>515</v>
      </c>
      <c r="C53" s="226"/>
      <c r="D53" s="226"/>
      <c r="E53" s="226"/>
      <c r="F53" s="24"/>
      <c r="G53" s="226"/>
      <c r="H53" s="226"/>
      <c r="I53" s="226"/>
    </row>
    <row r="54" spans="1:9">
      <c r="A54" s="20"/>
      <c r="B54" s="225"/>
      <c r="C54" s="226"/>
      <c r="D54" s="226"/>
      <c r="E54" s="226"/>
      <c r="F54" s="24"/>
      <c r="G54" s="226"/>
      <c r="H54" s="226"/>
      <c r="I54" s="226"/>
    </row>
    <row r="55" spans="1:9">
      <c r="A55" s="23">
        <v>3</v>
      </c>
      <c r="B55" s="28" t="s">
        <v>10</v>
      </c>
      <c r="C55" s="226"/>
      <c r="D55" s="226"/>
      <c r="E55" s="226"/>
      <c r="F55" s="226"/>
      <c r="G55" s="226"/>
      <c r="H55" s="226"/>
      <c r="I55" s="226"/>
    </row>
    <row r="56" spans="1:9">
      <c r="A56" s="20"/>
      <c r="B56" s="321" t="s">
        <v>21</v>
      </c>
      <c r="C56" s="322"/>
      <c r="D56" s="226"/>
      <c r="E56" s="226"/>
      <c r="F56" s="226"/>
      <c r="G56" s="226"/>
      <c r="H56" s="226"/>
      <c r="I56" s="226"/>
    </row>
    <row r="57" spans="1:9">
      <c r="A57" s="20"/>
      <c r="B57" s="225"/>
      <c r="C57" s="226"/>
      <c r="D57" s="226"/>
      <c r="E57" s="226"/>
      <c r="F57" s="226"/>
      <c r="G57" s="226"/>
      <c r="H57" s="226"/>
      <c r="I57" s="226"/>
    </row>
    <row r="58" spans="1:9">
      <c r="A58" s="20">
        <v>3</v>
      </c>
      <c r="B58" s="28" t="s">
        <v>36</v>
      </c>
      <c r="C58" s="226"/>
      <c r="D58" s="226"/>
      <c r="E58" s="226"/>
      <c r="F58" s="226"/>
      <c r="G58" s="226"/>
      <c r="H58" s="226"/>
      <c r="I58" s="226"/>
    </row>
    <row r="59" spans="1:9">
      <c r="A59" s="20"/>
      <c r="B59" s="311" t="s">
        <v>516</v>
      </c>
      <c r="C59" s="226"/>
      <c r="D59" s="226"/>
      <c r="E59" s="226"/>
      <c r="F59" s="226"/>
      <c r="G59" s="226"/>
      <c r="H59" s="226"/>
      <c r="I59" s="226"/>
    </row>
    <row r="60" spans="1:9" ht="21">
      <c r="A60" s="27"/>
      <c r="B60" s="226"/>
      <c r="C60" s="226"/>
      <c r="D60" s="226"/>
      <c r="E60" s="226"/>
      <c r="F60" s="226"/>
      <c r="G60" s="226"/>
      <c r="H60" s="226"/>
      <c r="I60" s="226"/>
    </row>
    <row r="61" spans="1:9" s="15" customFormat="1" ht="18.75">
      <c r="A61" s="327" t="s">
        <v>40</v>
      </c>
      <c r="B61" s="327"/>
      <c r="C61" s="30"/>
      <c r="D61" s="25"/>
      <c r="E61" s="25"/>
      <c r="F61" s="25"/>
      <c r="G61" s="25"/>
      <c r="H61" s="25"/>
      <c r="I61" s="25"/>
    </row>
    <row r="62" spans="1:9" s="15" customFormat="1" ht="18.75">
      <c r="A62" s="30"/>
      <c r="B62" s="30"/>
      <c r="C62" s="30"/>
      <c r="D62" s="25"/>
      <c r="E62" s="25"/>
      <c r="F62" s="25"/>
      <c r="G62" s="25"/>
      <c r="H62" s="25"/>
      <c r="I62" s="25"/>
    </row>
    <row r="63" spans="1:9">
      <c r="A63" s="23">
        <v>4</v>
      </c>
      <c r="B63" s="234" t="s">
        <v>3</v>
      </c>
      <c r="C63" s="226"/>
      <c r="D63" s="226"/>
      <c r="E63" s="226"/>
      <c r="F63" s="226"/>
      <c r="G63" s="226"/>
      <c r="H63" s="226"/>
      <c r="I63" s="226"/>
    </row>
    <row r="64" spans="1:9">
      <c r="A64" s="20"/>
      <c r="B64" s="321" t="s">
        <v>19</v>
      </c>
      <c r="C64" s="322"/>
      <c r="D64" s="322"/>
      <c r="E64" s="226"/>
      <c r="F64" s="226"/>
      <c r="G64" s="226"/>
      <c r="H64" s="226"/>
      <c r="I64" s="226"/>
    </row>
    <row r="65" spans="1:9">
      <c r="A65" s="20"/>
      <c r="B65" s="321" t="s">
        <v>31</v>
      </c>
      <c r="C65" s="322"/>
      <c r="D65" s="322"/>
      <c r="E65" s="226"/>
      <c r="F65" s="226"/>
      <c r="G65" s="226"/>
      <c r="H65" s="226"/>
      <c r="I65" s="226"/>
    </row>
    <row r="66" spans="1:9" ht="21">
      <c r="A66" s="27"/>
      <c r="B66" s="226"/>
      <c r="C66" s="226"/>
      <c r="D66" s="226"/>
      <c r="E66" s="226"/>
      <c r="F66" s="226"/>
      <c r="G66" s="226"/>
      <c r="H66" s="226"/>
      <c r="I66" s="226"/>
    </row>
    <row r="67" spans="1:9">
      <c r="A67" s="23">
        <v>4</v>
      </c>
      <c r="B67" s="28" t="s">
        <v>204</v>
      </c>
      <c r="C67" s="226"/>
      <c r="D67" s="226"/>
      <c r="E67" s="226"/>
      <c r="F67" s="226"/>
      <c r="G67" s="226"/>
      <c r="H67" s="226"/>
      <c r="I67" s="226"/>
    </row>
    <row r="68" spans="1:9">
      <c r="A68" s="20"/>
      <c r="B68" s="321" t="s">
        <v>214</v>
      </c>
      <c r="C68" s="322"/>
      <c r="D68" s="226"/>
      <c r="E68" s="226"/>
      <c r="F68" s="226"/>
      <c r="G68" s="226"/>
      <c r="H68" s="226"/>
      <c r="I68" s="226"/>
    </row>
    <row r="69" spans="1:9">
      <c r="A69" s="20"/>
      <c r="B69" s="321" t="s">
        <v>215</v>
      </c>
      <c r="C69" s="322"/>
      <c r="D69" s="322"/>
      <c r="E69" s="322"/>
      <c r="F69" s="226"/>
      <c r="G69" s="226"/>
      <c r="H69" s="226"/>
      <c r="I69" s="226"/>
    </row>
    <row r="70" spans="1:9" ht="21">
      <c r="A70" s="27"/>
      <c r="B70" s="226"/>
      <c r="C70" s="226"/>
      <c r="D70" s="226"/>
      <c r="E70" s="226"/>
      <c r="F70" s="226"/>
      <c r="G70" s="226"/>
      <c r="H70" s="226"/>
      <c r="I70" s="226"/>
    </row>
    <row r="71" spans="1:9">
      <c r="A71" s="23">
        <v>4</v>
      </c>
      <c r="B71" s="28" t="s">
        <v>37</v>
      </c>
      <c r="C71" s="226"/>
      <c r="D71" s="226"/>
      <c r="E71" s="226"/>
      <c r="F71" s="226"/>
      <c r="G71" s="226"/>
      <c r="H71" s="226"/>
      <c r="I71" s="226"/>
    </row>
    <row r="72" spans="1:9">
      <c r="A72" s="20"/>
      <c r="B72" s="321" t="s">
        <v>61</v>
      </c>
      <c r="C72" s="322"/>
      <c r="D72" s="322"/>
      <c r="E72" s="322"/>
      <c r="F72" s="24"/>
      <c r="G72" s="226"/>
      <c r="H72" s="226"/>
      <c r="I72" s="226"/>
    </row>
    <row r="73" spans="1:9">
      <c r="A73" s="20"/>
      <c r="B73" s="321"/>
      <c r="C73" s="322"/>
      <c r="D73" s="322"/>
      <c r="E73" s="322"/>
      <c r="F73" s="226"/>
      <c r="G73" s="24"/>
      <c r="H73" s="226"/>
      <c r="I73" s="226"/>
    </row>
    <row r="74" spans="1:9">
      <c r="A74" s="20">
        <v>4</v>
      </c>
      <c r="B74" s="28" t="s">
        <v>38</v>
      </c>
      <c r="C74" s="226"/>
      <c r="D74" s="226"/>
      <c r="E74" s="226"/>
      <c r="F74" s="226"/>
      <c r="G74" s="24"/>
      <c r="H74" s="226"/>
      <c r="I74" s="226"/>
    </row>
    <row r="75" spans="1:9">
      <c r="A75" s="20"/>
      <c r="B75" s="311" t="s">
        <v>517</v>
      </c>
      <c r="C75" s="226"/>
      <c r="D75" s="226"/>
      <c r="E75" s="226"/>
      <c r="F75" s="226"/>
      <c r="G75" s="24"/>
      <c r="H75" s="226"/>
      <c r="I75" s="226"/>
    </row>
    <row r="76" spans="1:9">
      <c r="A76" s="20"/>
      <c r="B76" s="225"/>
      <c r="C76" s="226"/>
      <c r="D76" s="226"/>
      <c r="E76" s="226"/>
      <c r="F76" s="226"/>
      <c r="G76" s="24"/>
      <c r="H76" s="226"/>
      <c r="I76" s="226"/>
    </row>
    <row r="77" spans="1:9">
      <c r="A77" s="23">
        <v>4</v>
      </c>
      <c r="B77" s="28" t="s">
        <v>4</v>
      </c>
      <c r="C77" s="226"/>
      <c r="D77" s="226"/>
      <c r="E77" s="226"/>
      <c r="F77" s="226"/>
      <c r="G77" s="226"/>
      <c r="H77" s="226"/>
      <c r="I77" s="226"/>
    </row>
    <row r="78" spans="1:9">
      <c r="A78" s="20"/>
      <c r="B78" s="321" t="s">
        <v>22</v>
      </c>
      <c r="C78" s="322"/>
      <c r="D78" s="322"/>
      <c r="E78" s="226"/>
      <c r="F78" s="226"/>
      <c r="G78" s="226"/>
      <c r="H78" s="226"/>
      <c r="I78" s="226"/>
    </row>
    <row r="79" spans="1:9">
      <c r="A79" s="20"/>
      <c r="B79" s="225"/>
      <c r="C79" s="226"/>
      <c r="D79" s="226"/>
      <c r="E79" s="226"/>
      <c r="F79" s="226"/>
      <c r="G79" s="226"/>
      <c r="H79" s="226"/>
      <c r="I79" s="226"/>
    </row>
    <row r="80" spans="1:9">
      <c r="A80" s="23">
        <v>4</v>
      </c>
      <c r="B80" s="28" t="s">
        <v>500</v>
      </c>
      <c r="C80" s="310"/>
      <c r="D80" s="310"/>
      <c r="E80" s="310"/>
      <c r="F80" s="310"/>
      <c r="G80" s="310"/>
      <c r="H80" s="310"/>
      <c r="I80" s="310"/>
    </row>
    <row r="81" spans="1:9">
      <c r="A81" s="20"/>
      <c r="B81" s="321" t="s">
        <v>501</v>
      </c>
      <c r="C81" s="322"/>
      <c r="D81" s="322"/>
      <c r="E81" s="310"/>
      <c r="F81" s="310"/>
      <c r="G81" s="310"/>
      <c r="H81" s="310"/>
      <c r="I81" s="310"/>
    </row>
    <row r="82" spans="1:9">
      <c r="A82" s="20"/>
      <c r="B82" s="309"/>
      <c r="C82" s="310"/>
      <c r="D82" s="310"/>
      <c r="E82" s="310"/>
      <c r="F82" s="310"/>
      <c r="G82" s="310"/>
      <c r="H82" s="310"/>
      <c r="I82" s="310"/>
    </row>
    <row r="83" spans="1:9">
      <c r="A83" s="323" t="s">
        <v>62</v>
      </c>
      <c r="B83" s="323"/>
      <c r="C83" s="226"/>
      <c r="D83" s="226"/>
      <c r="E83" s="226"/>
      <c r="F83" s="226"/>
      <c r="G83" s="226"/>
      <c r="H83" s="226"/>
      <c r="I83" s="226"/>
    </row>
    <row r="84" spans="1:9">
      <c r="A84" s="20"/>
      <c r="B84" s="225"/>
      <c r="C84" s="226"/>
      <c r="D84" s="226"/>
      <c r="E84" s="226"/>
      <c r="F84" s="226"/>
      <c r="G84" s="226"/>
      <c r="H84" s="226"/>
      <c r="I84" s="226"/>
    </row>
    <row r="85" spans="1:9">
      <c r="A85" s="23">
        <v>5</v>
      </c>
      <c r="B85" s="235" t="s">
        <v>11</v>
      </c>
      <c r="C85" s="226"/>
      <c r="D85" s="226"/>
      <c r="E85" s="226"/>
      <c r="F85" s="226"/>
      <c r="G85" s="226"/>
      <c r="H85" s="226"/>
      <c r="I85" s="226"/>
    </row>
    <row r="86" spans="1:9">
      <c r="A86" s="20"/>
      <c r="B86" s="321" t="s">
        <v>23</v>
      </c>
      <c r="C86" s="322"/>
      <c r="D86" s="322"/>
      <c r="E86" s="226"/>
      <c r="F86" s="226"/>
      <c r="G86" s="226"/>
      <c r="H86" s="226"/>
      <c r="I86" s="226"/>
    </row>
    <row r="87" spans="1:9">
      <c r="A87" s="20"/>
      <c r="B87" s="225"/>
      <c r="C87" s="226"/>
      <c r="D87" s="226"/>
      <c r="E87" s="226"/>
      <c r="F87" s="226"/>
      <c r="G87" s="226"/>
      <c r="H87" s="226"/>
      <c r="I87" s="226"/>
    </row>
    <row r="88" spans="1:9">
      <c r="A88" s="20">
        <v>5</v>
      </c>
      <c r="B88" s="28" t="s">
        <v>42</v>
      </c>
      <c r="C88" s="226"/>
      <c r="D88" s="226"/>
      <c r="E88" s="226"/>
      <c r="F88" s="226"/>
      <c r="G88" s="226"/>
      <c r="H88" s="226"/>
      <c r="I88" s="226"/>
    </row>
    <row r="89" spans="1:9">
      <c r="A89" s="20"/>
      <c r="B89" s="311" t="s">
        <v>518</v>
      </c>
      <c r="C89" s="226"/>
      <c r="D89" s="226"/>
      <c r="E89" s="226"/>
      <c r="F89" s="226"/>
      <c r="G89" s="226"/>
      <c r="H89" s="226"/>
      <c r="I89" s="226"/>
    </row>
    <row r="90" spans="1:9">
      <c r="A90" s="20"/>
      <c r="B90" s="226"/>
      <c r="C90" s="226"/>
      <c r="D90" s="226"/>
      <c r="E90" s="226"/>
      <c r="F90" s="226"/>
      <c r="G90" s="226"/>
      <c r="H90" s="226"/>
      <c r="I90" s="226"/>
    </row>
    <row r="91" spans="1:9">
      <c r="A91" s="23">
        <v>5</v>
      </c>
      <c r="B91" s="28" t="s">
        <v>230</v>
      </c>
      <c r="C91" s="226"/>
      <c r="D91" s="226"/>
      <c r="E91" s="226"/>
      <c r="F91" s="226"/>
      <c r="G91" s="226"/>
      <c r="H91" s="226"/>
      <c r="I91" s="226"/>
    </row>
    <row r="92" spans="1:9">
      <c r="A92" s="20"/>
      <c r="B92" s="321" t="s">
        <v>63</v>
      </c>
      <c r="C92" s="322"/>
      <c r="D92" s="322"/>
      <c r="E92" s="226"/>
      <c r="F92" s="226"/>
      <c r="G92" s="226"/>
      <c r="H92" s="226"/>
      <c r="I92" s="226"/>
    </row>
    <row r="93" spans="1:9">
      <c r="A93" s="20"/>
      <c r="B93" s="321"/>
      <c r="C93" s="322"/>
      <c r="D93" s="322"/>
      <c r="E93" s="226"/>
      <c r="F93" s="226"/>
      <c r="G93" s="226"/>
      <c r="H93" s="226"/>
      <c r="I93" s="226"/>
    </row>
    <row r="94" spans="1:9">
      <c r="A94" s="20">
        <v>5</v>
      </c>
      <c r="B94" s="28" t="s">
        <v>43</v>
      </c>
      <c r="C94" s="226"/>
      <c r="D94" s="226"/>
      <c r="E94" s="226"/>
      <c r="F94" s="226"/>
      <c r="G94" s="226"/>
      <c r="H94" s="226"/>
      <c r="I94" s="226"/>
    </row>
    <row r="95" spans="1:9">
      <c r="A95" s="20"/>
      <c r="B95" s="321" t="s">
        <v>63</v>
      </c>
      <c r="C95" s="322"/>
      <c r="D95" s="322"/>
      <c r="E95" s="226"/>
      <c r="F95" s="226"/>
      <c r="G95" s="226"/>
      <c r="H95" s="226"/>
      <c r="I95" s="226"/>
    </row>
    <row r="96" spans="1:9">
      <c r="A96" s="20"/>
      <c r="B96" s="225"/>
      <c r="C96" s="226"/>
      <c r="D96" s="226"/>
      <c r="E96" s="226"/>
      <c r="F96" s="226"/>
      <c r="G96" s="226"/>
      <c r="H96" s="226"/>
      <c r="I96" s="226"/>
    </row>
    <row r="97" spans="1:9">
      <c r="A97" s="20">
        <v>5</v>
      </c>
      <c r="B97" s="28" t="s">
        <v>502</v>
      </c>
      <c r="C97" s="310"/>
      <c r="D97" s="310"/>
      <c r="E97" s="310"/>
      <c r="F97" s="310"/>
      <c r="G97" s="310"/>
      <c r="H97" s="310"/>
      <c r="I97" s="310"/>
    </row>
    <row r="98" spans="1:9">
      <c r="A98" s="20"/>
      <c r="B98" s="321" t="s">
        <v>503</v>
      </c>
      <c r="C98" s="322"/>
      <c r="D98" s="322"/>
      <c r="E98" s="310"/>
      <c r="F98" s="310"/>
      <c r="G98" s="310"/>
      <c r="H98" s="310"/>
      <c r="I98" s="310"/>
    </row>
    <row r="99" spans="1:9">
      <c r="A99" s="20"/>
      <c r="B99" s="309"/>
      <c r="C99" s="310"/>
      <c r="D99" s="310"/>
      <c r="E99" s="310"/>
      <c r="F99" s="310"/>
      <c r="G99" s="310"/>
      <c r="H99" s="310"/>
      <c r="I99" s="310"/>
    </row>
    <row r="100" spans="1:9">
      <c r="A100" s="323" t="s">
        <v>44</v>
      </c>
      <c r="B100" s="323"/>
      <c r="C100" s="226"/>
      <c r="D100" s="226"/>
      <c r="E100" s="226"/>
      <c r="F100" s="226"/>
      <c r="G100" s="226"/>
      <c r="H100" s="226"/>
      <c r="I100" s="226"/>
    </row>
    <row r="101" spans="1:9">
      <c r="A101" s="20"/>
      <c r="B101" s="225"/>
      <c r="C101" s="226"/>
      <c r="D101" s="226"/>
      <c r="E101" s="226"/>
      <c r="F101" s="226"/>
      <c r="G101" s="226"/>
      <c r="H101" s="226"/>
      <c r="I101" s="226"/>
    </row>
    <row r="102" spans="1:9">
      <c r="A102" s="23">
        <v>6</v>
      </c>
      <c r="B102" s="235" t="s">
        <v>12</v>
      </c>
      <c r="C102" s="226"/>
      <c r="D102" s="226"/>
      <c r="E102" s="226"/>
      <c r="F102" s="226"/>
      <c r="G102" s="226"/>
      <c r="H102" s="226"/>
      <c r="I102" s="226"/>
    </row>
    <row r="103" spans="1:9">
      <c r="A103" s="20"/>
      <c r="B103" s="321" t="s">
        <v>24</v>
      </c>
      <c r="C103" s="322"/>
      <c r="D103" s="322"/>
      <c r="E103" s="226"/>
      <c r="F103" s="226"/>
      <c r="G103" s="226"/>
      <c r="H103" s="226"/>
      <c r="I103" s="226"/>
    </row>
    <row r="104" spans="1:9">
      <c r="A104" s="20"/>
      <c r="B104" s="321"/>
      <c r="C104" s="322"/>
      <c r="D104" s="322"/>
      <c r="E104" s="226"/>
      <c r="F104" s="226"/>
      <c r="G104" s="226"/>
      <c r="H104" s="226"/>
      <c r="I104" s="226"/>
    </row>
    <row r="105" spans="1:9">
      <c r="A105" s="20">
        <v>6</v>
      </c>
      <c r="B105" s="28" t="s">
        <v>45</v>
      </c>
      <c r="C105" s="226"/>
      <c r="D105" s="226"/>
      <c r="E105" s="226"/>
      <c r="F105" s="226"/>
      <c r="G105" s="226"/>
      <c r="H105" s="226"/>
      <c r="I105" s="226"/>
    </row>
    <row r="106" spans="1:9">
      <c r="A106" s="20"/>
      <c r="B106" s="311" t="s">
        <v>520</v>
      </c>
      <c r="C106" s="226"/>
      <c r="D106" s="226"/>
      <c r="E106" s="226"/>
      <c r="F106" s="226"/>
      <c r="G106" s="226"/>
      <c r="H106" s="226"/>
      <c r="I106" s="226"/>
    </row>
    <row r="107" spans="1:9">
      <c r="A107" s="20"/>
      <c r="B107" s="226"/>
      <c r="C107" s="226"/>
      <c r="D107" s="226"/>
      <c r="E107" s="226"/>
      <c r="F107" s="226"/>
      <c r="G107" s="226"/>
      <c r="H107" s="226"/>
      <c r="I107" s="226"/>
    </row>
    <row r="108" spans="1:9">
      <c r="A108" s="23">
        <v>6</v>
      </c>
      <c r="B108" s="28" t="s">
        <v>232</v>
      </c>
      <c r="C108" s="226"/>
      <c r="D108" s="226"/>
      <c r="E108" s="226"/>
      <c r="F108" s="226"/>
      <c r="G108" s="226"/>
      <c r="H108" s="226"/>
      <c r="I108" s="226"/>
    </row>
    <row r="109" spans="1:9">
      <c r="A109" s="20"/>
      <c r="B109" s="321" t="s">
        <v>25</v>
      </c>
      <c r="C109" s="322"/>
      <c r="D109" s="322"/>
      <c r="E109" s="226"/>
      <c r="F109" s="226"/>
      <c r="G109" s="226"/>
      <c r="H109" s="226"/>
      <c r="I109" s="226"/>
    </row>
    <row r="110" spans="1:9">
      <c r="A110" s="20"/>
      <c r="B110" s="321"/>
      <c r="C110" s="322"/>
      <c r="D110" s="322"/>
      <c r="E110" s="226"/>
      <c r="F110" s="226"/>
      <c r="G110" s="226"/>
      <c r="H110" s="226"/>
      <c r="I110" s="226"/>
    </row>
    <row r="111" spans="1:9">
      <c r="A111" s="20">
        <v>6</v>
      </c>
      <c r="B111" s="28" t="s">
        <v>46</v>
      </c>
      <c r="C111" s="226"/>
      <c r="D111" s="226"/>
      <c r="E111" s="226"/>
      <c r="F111" s="226"/>
      <c r="G111" s="226"/>
      <c r="H111" s="226"/>
      <c r="I111" s="226"/>
    </row>
    <row r="112" spans="1:9">
      <c r="A112" s="20"/>
      <c r="B112" s="311" t="s">
        <v>519</v>
      </c>
      <c r="C112" s="226"/>
      <c r="D112" s="226"/>
      <c r="E112" s="226"/>
      <c r="F112" s="226"/>
      <c r="G112" s="226"/>
      <c r="H112" s="226"/>
      <c r="I112" s="226"/>
    </row>
    <row r="113" spans="1:9">
      <c r="A113" s="20"/>
      <c r="B113" s="225"/>
      <c r="C113" s="226"/>
      <c r="D113" s="226"/>
      <c r="E113" s="226"/>
      <c r="F113" s="226"/>
      <c r="G113" s="226"/>
      <c r="H113" s="226"/>
      <c r="I113" s="226"/>
    </row>
    <row r="114" spans="1:9">
      <c r="A114" s="20">
        <v>6</v>
      </c>
      <c r="B114" s="28" t="s">
        <v>461</v>
      </c>
      <c r="C114" s="268"/>
      <c r="D114" s="268"/>
      <c r="E114" s="268"/>
      <c r="F114" s="268"/>
      <c r="G114" s="268"/>
      <c r="H114" s="268"/>
      <c r="I114" s="268"/>
    </row>
    <row r="115" spans="1:9">
      <c r="A115" s="20"/>
      <c r="B115" s="309" t="s">
        <v>505</v>
      </c>
      <c r="C115" s="268"/>
      <c r="D115" s="268"/>
      <c r="E115" s="268"/>
      <c r="F115" s="268"/>
      <c r="G115" s="268"/>
      <c r="H115" s="268"/>
      <c r="I115" s="268"/>
    </row>
    <row r="116" spans="1:9">
      <c r="A116" s="20"/>
      <c r="B116" s="267"/>
      <c r="C116" s="268"/>
      <c r="D116" s="268"/>
      <c r="E116" s="268"/>
      <c r="F116" s="268"/>
      <c r="G116" s="268"/>
      <c r="H116" s="268"/>
      <c r="I116" s="268"/>
    </row>
    <row r="117" spans="1:9">
      <c r="A117" s="20">
        <v>6</v>
      </c>
      <c r="B117" s="24" t="s">
        <v>30</v>
      </c>
      <c r="C117" s="226"/>
      <c r="D117" s="226"/>
      <c r="E117" s="226"/>
      <c r="F117" s="226"/>
      <c r="G117" s="226"/>
      <c r="H117" s="226"/>
      <c r="I117" s="226"/>
    </row>
    <row r="118" spans="1:9">
      <c r="A118" s="23"/>
      <c r="B118" s="226" t="s">
        <v>64</v>
      </c>
      <c r="C118" s="226"/>
      <c r="D118" s="226"/>
      <c r="E118" s="226"/>
      <c r="F118" s="226"/>
      <c r="G118" s="226"/>
      <c r="H118" s="226"/>
      <c r="I118" s="226"/>
    </row>
    <row r="119" spans="1:9">
      <c r="A119" s="20"/>
      <c r="B119" s="321"/>
      <c r="C119" s="322"/>
      <c r="D119" s="322"/>
      <c r="E119" s="226"/>
      <c r="F119" s="226"/>
      <c r="G119" s="226"/>
      <c r="H119" s="226"/>
      <c r="I119" s="226"/>
    </row>
    <row r="120" spans="1:9">
      <c r="A120" s="20">
        <v>6</v>
      </c>
      <c r="B120" s="28" t="s">
        <v>13</v>
      </c>
      <c r="C120" s="226"/>
      <c r="D120" s="226"/>
      <c r="E120" s="226"/>
      <c r="F120" s="226"/>
      <c r="G120" s="226"/>
      <c r="H120" s="226"/>
      <c r="I120" s="226"/>
    </row>
    <row r="121" spans="1:9">
      <c r="A121" s="29"/>
      <c r="B121" s="321" t="s">
        <v>14</v>
      </c>
      <c r="C121" s="322"/>
      <c r="D121" s="322"/>
      <c r="E121" s="226"/>
      <c r="F121" s="226"/>
      <c r="G121" s="226"/>
      <c r="H121" s="226"/>
      <c r="I121" s="226"/>
    </row>
    <row r="122" spans="1:9">
      <c r="A122" s="29"/>
      <c r="B122" s="225"/>
      <c r="C122" s="226"/>
      <c r="D122" s="226"/>
      <c r="E122" s="226"/>
      <c r="F122" s="226"/>
      <c r="G122" s="226"/>
      <c r="H122" s="226"/>
      <c r="I122" s="226"/>
    </row>
    <row r="123" spans="1:9">
      <c r="A123" s="20">
        <v>6</v>
      </c>
      <c r="B123" s="28" t="s">
        <v>399</v>
      </c>
      <c r="C123" s="310"/>
      <c r="D123" s="310"/>
      <c r="E123" s="310"/>
      <c r="F123" s="310"/>
      <c r="G123" s="310"/>
      <c r="H123" s="310"/>
      <c r="I123" s="310"/>
    </row>
    <row r="124" spans="1:9">
      <c r="A124" s="29"/>
      <c r="B124" s="321" t="s">
        <v>504</v>
      </c>
      <c r="C124" s="322"/>
      <c r="D124" s="322"/>
      <c r="E124" s="310"/>
      <c r="F124" s="310"/>
      <c r="G124" s="310"/>
      <c r="H124" s="310"/>
      <c r="I124" s="310"/>
    </row>
    <row r="125" spans="1:9">
      <c r="A125" s="29"/>
      <c r="B125" s="309"/>
      <c r="C125" s="310"/>
      <c r="D125" s="310"/>
      <c r="E125" s="310"/>
      <c r="F125" s="310"/>
      <c r="G125" s="310"/>
      <c r="H125" s="310"/>
      <c r="I125" s="310"/>
    </row>
    <row r="126" spans="1:9">
      <c r="A126" s="323" t="s">
        <v>47</v>
      </c>
      <c r="B126" s="323"/>
      <c r="C126" s="33"/>
      <c r="D126" s="33"/>
      <c r="E126" s="226"/>
      <c r="F126" s="226"/>
      <c r="G126" s="226"/>
      <c r="H126" s="226"/>
      <c r="I126" s="226"/>
    </row>
    <row r="127" spans="1:9">
      <c r="A127" s="29"/>
      <c r="B127" s="28"/>
      <c r="C127" s="226"/>
      <c r="D127" s="226"/>
      <c r="E127" s="226"/>
      <c r="F127" s="226"/>
      <c r="G127" s="226"/>
      <c r="H127" s="226"/>
      <c r="I127" s="226"/>
    </row>
    <row r="128" spans="1:9">
      <c r="A128" s="23">
        <v>7</v>
      </c>
      <c r="B128" s="235" t="s">
        <v>235</v>
      </c>
      <c r="C128" s="226"/>
      <c r="D128" s="226"/>
      <c r="E128" s="226"/>
      <c r="F128" s="226"/>
      <c r="G128" s="226"/>
      <c r="H128" s="226"/>
      <c r="I128" s="226"/>
    </row>
    <row r="129" spans="1:9">
      <c r="A129" s="29"/>
      <c r="B129" s="321" t="s">
        <v>338</v>
      </c>
      <c r="C129" s="322"/>
      <c r="D129" s="322"/>
      <c r="E129" s="226"/>
      <c r="F129" s="226"/>
      <c r="G129" s="226"/>
      <c r="H129" s="226"/>
      <c r="I129" s="226"/>
    </row>
    <row r="130" spans="1:9">
      <c r="A130" s="29"/>
      <c r="B130" s="321"/>
      <c r="C130" s="322"/>
      <c r="D130" s="322"/>
      <c r="E130" s="226"/>
      <c r="F130" s="226"/>
      <c r="G130" s="226"/>
      <c r="H130" s="226"/>
      <c r="I130" s="226"/>
    </row>
    <row r="131" spans="1:9">
      <c r="A131" s="23">
        <v>7</v>
      </c>
      <c r="B131" s="28" t="s">
        <v>506</v>
      </c>
      <c r="C131" s="310"/>
      <c r="D131" s="310"/>
      <c r="E131" s="310"/>
      <c r="F131" s="310"/>
      <c r="G131" s="310"/>
      <c r="H131" s="310"/>
      <c r="I131" s="310"/>
    </row>
    <row r="132" spans="1:9">
      <c r="A132" s="29"/>
      <c r="B132" s="321" t="s">
        <v>507</v>
      </c>
      <c r="C132" s="322"/>
      <c r="D132" s="322"/>
      <c r="E132" s="310"/>
      <c r="F132" s="310"/>
      <c r="G132" s="310"/>
      <c r="H132" s="310"/>
      <c r="I132" s="310"/>
    </row>
    <row r="133" spans="1:9">
      <c r="A133" s="29"/>
      <c r="B133" s="321"/>
      <c r="C133" s="322"/>
      <c r="D133" s="322"/>
      <c r="E133" s="310"/>
      <c r="F133" s="310"/>
      <c r="G133" s="310"/>
      <c r="H133" s="310"/>
      <c r="I133" s="310"/>
    </row>
    <row r="134" spans="1:9">
      <c r="A134" s="23">
        <v>7</v>
      </c>
      <c r="B134" s="28" t="s">
        <v>48</v>
      </c>
      <c r="C134" s="226"/>
      <c r="D134" s="226"/>
      <c r="E134" s="226"/>
      <c r="F134" s="226"/>
      <c r="G134" s="226"/>
      <c r="H134" s="226"/>
      <c r="I134" s="226"/>
    </row>
    <row r="135" spans="1:9">
      <c r="A135" s="29"/>
      <c r="B135" s="225" t="s">
        <v>65</v>
      </c>
      <c r="C135" s="226"/>
      <c r="D135" s="226"/>
      <c r="E135" s="226"/>
      <c r="F135" s="226"/>
      <c r="G135" s="226"/>
      <c r="H135" s="226"/>
      <c r="I135" s="226"/>
    </row>
    <row r="136" spans="1:9">
      <c r="A136" s="29"/>
      <c r="B136" s="225"/>
      <c r="C136" s="226"/>
      <c r="D136" s="226"/>
      <c r="E136" s="226"/>
      <c r="F136" s="226"/>
      <c r="G136" s="226"/>
      <c r="H136" s="226"/>
      <c r="I136" s="226"/>
    </row>
    <row r="137" spans="1:9">
      <c r="A137" s="23">
        <v>7</v>
      </c>
      <c r="B137" s="28" t="s">
        <v>508</v>
      </c>
      <c r="C137" s="310"/>
      <c r="D137" s="310"/>
      <c r="E137" s="310"/>
      <c r="F137" s="310"/>
      <c r="G137" s="310"/>
      <c r="H137" s="310"/>
      <c r="I137" s="310"/>
    </row>
    <row r="138" spans="1:9">
      <c r="A138" s="29"/>
      <c r="B138" s="321" t="s">
        <v>509</v>
      </c>
      <c r="C138" s="322"/>
      <c r="D138" s="322"/>
      <c r="E138" s="310"/>
      <c r="F138" s="310"/>
      <c r="G138" s="310"/>
      <c r="H138" s="310"/>
      <c r="I138" s="310"/>
    </row>
    <row r="139" spans="1:9">
      <c r="A139" s="29"/>
      <c r="B139" s="309"/>
      <c r="C139" s="310"/>
      <c r="D139" s="310"/>
      <c r="E139" s="310"/>
      <c r="F139" s="310"/>
      <c r="G139" s="310"/>
      <c r="H139" s="310"/>
      <c r="I139" s="310"/>
    </row>
    <row r="140" spans="1:9">
      <c r="A140" s="23">
        <v>7</v>
      </c>
      <c r="B140" s="28" t="s">
        <v>416</v>
      </c>
      <c r="C140" s="226"/>
      <c r="D140" s="226"/>
      <c r="E140" s="226"/>
      <c r="F140" s="226"/>
      <c r="G140" s="226"/>
      <c r="H140" s="226"/>
      <c r="I140" s="226"/>
    </row>
    <row r="141" spans="1:9">
      <c r="A141" s="29"/>
      <c r="B141" s="225" t="s">
        <v>66</v>
      </c>
      <c r="C141" s="226"/>
      <c r="D141" s="226"/>
      <c r="E141" s="226"/>
      <c r="F141" s="226"/>
      <c r="G141" s="226"/>
      <c r="H141" s="226"/>
      <c r="I141" s="226"/>
    </row>
    <row r="142" spans="1:9">
      <c r="A142" s="23"/>
      <c r="B142" s="225"/>
      <c r="C142" s="226"/>
      <c r="D142" s="226"/>
      <c r="E142" s="226"/>
      <c r="F142" s="226"/>
      <c r="G142" s="226"/>
      <c r="H142" s="226"/>
      <c r="I142" s="226"/>
    </row>
    <row r="143" spans="1:9">
      <c r="A143" s="23">
        <v>7</v>
      </c>
      <c r="B143" s="28" t="s">
        <v>510</v>
      </c>
      <c r="C143" s="310"/>
      <c r="D143" s="310"/>
      <c r="E143" s="310"/>
      <c r="F143" s="310"/>
      <c r="G143" s="310"/>
      <c r="H143" s="310"/>
      <c r="I143" s="310"/>
    </row>
    <row r="144" spans="1:9">
      <c r="A144" s="29"/>
      <c r="B144" s="321" t="s">
        <v>511</v>
      </c>
      <c r="C144" s="322"/>
      <c r="D144" s="322"/>
      <c r="E144" s="310"/>
      <c r="F144" s="310"/>
      <c r="G144" s="310"/>
      <c r="H144" s="310"/>
      <c r="I144" s="310"/>
    </row>
    <row r="145" spans="1:9">
      <c r="A145" s="23"/>
      <c r="B145" s="309"/>
      <c r="C145" s="310"/>
      <c r="D145" s="310"/>
      <c r="E145" s="310"/>
      <c r="F145" s="310"/>
      <c r="G145" s="310"/>
      <c r="H145" s="310"/>
      <c r="I145" s="310"/>
    </row>
    <row r="146" spans="1:9">
      <c r="A146" s="23">
        <v>7</v>
      </c>
      <c r="B146" s="28" t="s">
        <v>237</v>
      </c>
      <c r="C146" s="226"/>
      <c r="D146" s="226"/>
      <c r="E146" s="226"/>
      <c r="F146" s="226"/>
      <c r="G146" s="226"/>
      <c r="H146" s="226"/>
      <c r="I146" s="226"/>
    </row>
    <row r="147" spans="1:9">
      <c r="A147" s="23"/>
      <c r="B147" s="267" t="s">
        <v>339</v>
      </c>
      <c r="C147" s="226"/>
      <c r="D147" s="226"/>
      <c r="E147" s="226"/>
      <c r="F147" s="226"/>
      <c r="G147" s="226"/>
      <c r="H147" s="226"/>
      <c r="I147" s="226"/>
    </row>
    <row r="148" spans="1:9">
      <c r="A148" s="23"/>
      <c r="B148" s="225"/>
      <c r="C148" s="226"/>
      <c r="D148" s="226"/>
      <c r="E148" s="226"/>
      <c r="F148" s="226"/>
      <c r="G148" s="226"/>
      <c r="H148" s="226"/>
      <c r="I148" s="226"/>
    </row>
    <row r="149" spans="1:9">
      <c r="A149" s="23">
        <v>7</v>
      </c>
      <c r="B149" s="28" t="s">
        <v>422</v>
      </c>
      <c r="C149" s="310"/>
      <c r="D149" s="310"/>
      <c r="E149" s="310"/>
      <c r="F149" s="310"/>
      <c r="G149" s="310"/>
      <c r="H149" s="310"/>
      <c r="I149" s="310"/>
    </row>
    <row r="150" spans="1:9">
      <c r="A150" s="29"/>
      <c r="B150" s="321" t="s">
        <v>512</v>
      </c>
      <c r="C150" s="322"/>
      <c r="D150" s="322"/>
      <c r="E150" s="310"/>
      <c r="F150" s="310"/>
      <c r="G150" s="310"/>
      <c r="H150" s="310"/>
      <c r="I150" s="310"/>
    </row>
    <row r="151" spans="1:9">
      <c r="A151" s="23"/>
      <c r="B151" s="309"/>
      <c r="C151" s="310"/>
      <c r="D151" s="310"/>
      <c r="E151" s="310"/>
      <c r="F151" s="310"/>
      <c r="G151" s="310"/>
      <c r="H151" s="310"/>
      <c r="I151" s="310"/>
    </row>
    <row r="152" spans="1:9">
      <c r="A152" s="23">
        <v>7</v>
      </c>
      <c r="B152" s="28" t="s">
        <v>425</v>
      </c>
      <c r="C152" s="310"/>
      <c r="D152" s="310"/>
      <c r="E152" s="310"/>
      <c r="F152" s="310"/>
      <c r="G152" s="310"/>
      <c r="H152" s="310"/>
      <c r="I152" s="310"/>
    </row>
    <row r="153" spans="1:9">
      <c r="A153" s="29"/>
      <c r="B153" s="311" t="s">
        <v>521</v>
      </c>
      <c r="C153" s="310"/>
      <c r="D153" s="310"/>
      <c r="E153" s="310"/>
      <c r="F153" s="310"/>
      <c r="G153" s="310"/>
      <c r="H153" s="310"/>
      <c r="I153" s="310"/>
    </row>
    <row r="154" spans="1:9">
      <c r="A154" s="29"/>
      <c r="B154" s="309"/>
      <c r="C154" s="310"/>
      <c r="D154" s="310"/>
      <c r="E154" s="310"/>
      <c r="F154" s="310"/>
      <c r="G154" s="310"/>
      <c r="H154" s="310"/>
      <c r="I154" s="310"/>
    </row>
    <row r="155" spans="1:9">
      <c r="A155" s="23">
        <v>7</v>
      </c>
      <c r="B155" s="28" t="s">
        <v>15</v>
      </c>
      <c r="C155" s="226"/>
      <c r="D155" s="226"/>
      <c r="E155" s="226"/>
      <c r="F155" s="226"/>
      <c r="G155" s="226"/>
      <c r="H155" s="226"/>
      <c r="I155" s="226"/>
    </row>
    <row r="156" spans="1:9">
      <c r="A156" s="29"/>
      <c r="B156" s="321" t="s">
        <v>26</v>
      </c>
      <c r="C156" s="322"/>
      <c r="D156" s="322"/>
      <c r="E156" s="226"/>
      <c r="F156" s="226"/>
      <c r="G156" s="226"/>
      <c r="H156" s="226"/>
      <c r="I156" s="226"/>
    </row>
    <row r="157" spans="1:9">
      <c r="A157" s="23"/>
      <c r="B157" s="225"/>
      <c r="C157" s="226"/>
      <c r="D157" s="226"/>
      <c r="E157" s="226"/>
      <c r="F157" s="226"/>
      <c r="G157" s="226"/>
      <c r="H157" s="226"/>
      <c r="I157" s="226"/>
    </row>
    <row r="158" spans="1:9">
      <c r="A158" s="23">
        <v>7</v>
      </c>
      <c r="B158" s="28" t="s">
        <v>67</v>
      </c>
      <c r="C158" s="226"/>
      <c r="D158" s="226"/>
      <c r="E158" s="226"/>
      <c r="F158" s="226"/>
      <c r="G158" s="226"/>
      <c r="H158" s="226"/>
      <c r="I158" s="226"/>
    </row>
    <row r="159" spans="1:9">
      <c r="A159" s="29"/>
      <c r="B159" s="311" t="s">
        <v>522</v>
      </c>
      <c r="C159" s="226"/>
      <c r="D159" s="226"/>
      <c r="E159" s="226"/>
      <c r="F159" s="226"/>
      <c r="G159" s="226"/>
      <c r="H159" s="226"/>
      <c r="I159" s="226"/>
    </row>
    <row r="160" spans="1:9">
      <c r="A160" s="29"/>
      <c r="B160" s="225"/>
      <c r="C160" s="226"/>
      <c r="D160" s="226"/>
      <c r="E160" s="226"/>
      <c r="F160" s="226"/>
      <c r="G160" s="226"/>
      <c r="H160" s="226"/>
      <c r="I160" s="226"/>
    </row>
    <row r="161" spans="1:9">
      <c r="A161" s="23">
        <v>7</v>
      </c>
      <c r="B161" s="254" t="s">
        <v>49</v>
      </c>
      <c r="C161" s="23"/>
      <c r="D161" s="23"/>
      <c r="E161" s="226"/>
      <c r="F161" s="226"/>
      <c r="G161" s="226"/>
      <c r="H161" s="226"/>
      <c r="I161" s="226"/>
    </row>
    <row r="162" spans="1:9">
      <c r="A162" s="23"/>
      <c r="B162" s="23" t="s">
        <v>27</v>
      </c>
      <c r="C162" s="23"/>
      <c r="D162" s="23"/>
      <c r="E162" s="226"/>
      <c r="F162" s="226"/>
      <c r="G162" s="226"/>
      <c r="H162" s="226"/>
      <c r="I162" s="226"/>
    </row>
    <row r="163" spans="1:9">
      <c r="A163" s="23"/>
      <c r="B163" s="23"/>
      <c r="C163" s="23"/>
      <c r="D163" s="23"/>
      <c r="E163" s="226"/>
      <c r="F163" s="226"/>
      <c r="G163" s="226"/>
      <c r="H163" s="226"/>
      <c r="I163" s="226"/>
    </row>
    <row r="164" spans="1:9">
      <c r="A164" s="23">
        <v>7</v>
      </c>
      <c r="B164" s="254" t="s">
        <v>50</v>
      </c>
      <c r="C164" s="23"/>
      <c r="D164" s="23"/>
      <c r="E164" s="226"/>
      <c r="F164" s="226"/>
      <c r="G164" s="226"/>
      <c r="H164" s="226"/>
      <c r="I164" s="226"/>
    </row>
    <row r="165" spans="1:9">
      <c r="A165" s="23"/>
      <c r="B165" s="23" t="s">
        <v>523</v>
      </c>
      <c r="C165" s="23"/>
      <c r="D165" s="23"/>
      <c r="E165" s="226"/>
      <c r="F165" s="226"/>
      <c r="G165" s="226"/>
      <c r="H165" s="226"/>
      <c r="I165" s="226"/>
    </row>
    <row r="166" spans="1:9">
      <c r="A166" s="29"/>
      <c r="B166" s="225"/>
      <c r="C166" s="226"/>
      <c r="D166" s="226"/>
      <c r="E166" s="226"/>
      <c r="F166" s="226"/>
      <c r="G166" s="226"/>
      <c r="H166" s="226"/>
      <c r="I166" s="226"/>
    </row>
    <row r="167" spans="1:9">
      <c r="A167" s="23">
        <v>7</v>
      </c>
      <c r="B167" s="254" t="s">
        <v>16</v>
      </c>
      <c r="C167" s="226"/>
      <c r="D167" s="226"/>
      <c r="E167" s="226"/>
      <c r="F167" s="226"/>
      <c r="G167" s="226"/>
      <c r="H167" s="226"/>
      <c r="I167" s="226"/>
    </row>
    <row r="168" spans="1:9">
      <c r="A168" s="29"/>
      <c r="B168" s="321" t="s">
        <v>28</v>
      </c>
      <c r="C168" s="322"/>
      <c r="D168" s="322"/>
      <c r="E168" s="226"/>
      <c r="F168" s="226"/>
      <c r="G168" s="226"/>
      <c r="H168" s="226"/>
      <c r="I168" s="226"/>
    </row>
    <row r="169" spans="1:9">
      <c r="A169" s="29"/>
      <c r="B169" s="225"/>
      <c r="C169" s="226"/>
      <c r="D169" s="226"/>
      <c r="E169" s="226"/>
      <c r="F169" s="226"/>
      <c r="G169" s="226"/>
      <c r="H169" s="226"/>
      <c r="I169" s="226"/>
    </row>
    <row r="170" spans="1:9">
      <c r="A170" s="23">
        <v>7</v>
      </c>
      <c r="B170" s="28" t="s">
        <v>51</v>
      </c>
      <c r="C170" s="226"/>
      <c r="D170" s="226"/>
      <c r="E170" s="226"/>
      <c r="F170" s="226"/>
      <c r="G170" s="226"/>
      <c r="H170" s="226"/>
      <c r="I170" s="226"/>
    </row>
    <row r="171" spans="1:9">
      <c r="A171" s="29"/>
      <c r="B171" s="23" t="s">
        <v>524</v>
      </c>
      <c r="C171" s="226"/>
      <c r="D171" s="226"/>
      <c r="E171" s="226"/>
      <c r="F171" s="226"/>
      <c r="G171" s="226"/>
      <c r="H171" s="226"/>
      <c r="I171" s="226"/>
    </row>
    <row r="172" spans="1:9">
      <c r="A172" s="29"/>
      <c r="B172" s="225"/>
      <c r="C172" s="226"/>
      <c r="D172" s="226"/>
      <c r="E172" s="226"/>
      <c r="F172" s="226"/>
      <c r="G172" s="226"/>
      <c r="H172" s="226"/>
      <c r="I172" s="226"/>
    </row>
    <row r="173" spans="1:9">
      <c r="A173" s="323" t="s">
        <v>52</v>
      </c>
      <c r="B173" s="323"/>
      <c r="C173" s="32"/>
      <c r="D173" s="32"/>
      <c r="E173" s="226"/>
      <c r="F173" s="226"/>
      <c r="G173" s="226"/>
      <c r="H173" s="226"/>
      <c r="I173" s="226"/>
    </row>
    <row r="174" spans="1:9">
      <c r="A174" s="29"/>
      <c r="B174" s="28"/>
      <c r="C174" s="226"/>
      <c r="D174" s="226"/>
      <c r="E174" s="226"/>
      <c r="F174" s="226"/>
      <c r="G174" s="226"/>
      <c r="H174" s="226"/>
      <c r="I174" s="226"/>
    </row>
    <row r="175" spans="1:9">
      <c r="A175" s="23">
        <v>8</v>
      </c>
      <c r="B175" s="235" t="s">
        <v>17</v>
      </c>
      <c r="C175" s="226"/>
      <c r="D175" s="226"/>
      <c r="E175" s="226"/>
      <c r="F175" s="226"/>
      <c r="G175" s="226"/>
      <c r="H175" s="226"/>
      <c r="I175" s="226"/>
    </row>
    <row r="176" spans="1:9">
      <c r="A176" s="29"/>
      <c r="B176" s="321" t="s">
        <v>29</v>
      </c>
      <c r="C176" s="322"/>
      <c r="D176" s="322"/>
      <c r="E176" s="226"/>
      <c r="F176" s="226"/>
      <c r="G176" s="226"/>
      <c r="H176" s="226"/>
      <c r="I176" s="226"/>
    </row>
    <row r="177" spans="1:9">
      <c r="A177" s="29"/>
      <c r="B177" s="321"/>
      <c r="C177" s="322"/>
      <c r="D177" s="322"/>
      <c r="E177" s="226"/>
      <c r="F177" s="226"/>
      <c r="G177" s="226"/>
      <c r="H177" s="226"/>
      <c r="I177" s="226"/>
    </row>
    <row r="178" spans="1:9">
      <c r="A178" s="20">
        <v>8</v>
      </c>
      <c r="B178" s="24" t="s">
        <v>53</v>
      </c>
      <c r="C178" s="226"/>
      <c r="D178" s="226"/>
      <c r="E178" s="226"/>
      <c r="F178" s="226"/>
      <c r="G178" s="226"/>
      <c r="H178" s="226"/>
      <c r="I178" s="226"/>
    </row>
    <row r="179" spans="1:9">
      <c r="A179" s="20"/>
      <c r="B179" s="23" t="s">
        <v>525</v>
      </c>
      <c r="C179" s="226"/>
      <c r="D179" s="226"/>
      <c r="E179" s="226"/>
      <c r="F179" s="226"/>
      <c r="G179" s="226"/>
      <c r="H179" s="226"/>
      <c r="I179" s="226"/>
    </row>
    <row r="180" spans="1:9">
      <c r="A180" s="20"/>
      <c r="B180" s="226"/>
      <c r="C180" s="226"/>
      <c r="D180" s="226"/>
      <c r="E180" s="226"/>
      <c r="F180" s="226"/>
      <c r="G180" s="226"/>
      <c r="H180" s="226"/>
      <c r="I180" s="226"/>
    </row>
    <row r="181" spans="1:9">
      <c r="A181" s="20"/>
      <c r="B181" s="226"/>
      <c r="C181" s="226"/>
      <c r="D181" s="226"/>
      <c r="E181" s="226"/>
      <c r="F181" s="226"/>
      <c r="G181" s="226"/>
      <c r="H181" s="226"/>
      <c r="I181" s="226"/>
    </row>
  </sheetData>
  <mergeCells count="47">
    <mergeCell ref="B119:D119"/>
    <mergeCell ref="B78:D78"/>
    <mergeCell ref="B93:D93"/>
    <mergeCell ref="B72:E72"/>
    <mergeCell ref="B104:D104"/>
    <mergeCell ref="B92:D92"/>
    <mergeCell ref="B103:D103"/>
    <mergeCell ref="B73:E73"/>
    <mergeCell ref="B95:D95"/>
    <mergeCell ref="B81:D81"/>
    <mergeCell ref="B98:D98"/>
    <mergeCell ref="A83:B83"/>
    <mergeCell ref="A100:B100"/>
    <mergeCell ref="B68:C68"/>
    <mergeCell ref="B109:D109"/>
    <mergeCell ref="B110:D110"/>
    <mergeCell ref="B86:D86"/>
    <mergeCell ref="B69:E69"/>
    <mergeCell ref="A1:D1"/>
    <mergeCell ref="B8:F8"/>
    <mergeCell ref="B64:D64"/>
    <mergeCell ref="B65:D65"/>
    <mergeCell ref="B47:E47"/>
    <mergeCell ref="B11:D11"/>
    <mergeCell ref="B28:G28"/>
    <mergeCell ref="A42:C42"/>
    <mergeCell ref="B56:C56"/>
    <mergeCell ref="B31:G31"/>
    <mergeCell ref="A5:B5"/>
    <mergeCell ref="A25:B25"/>
    <mergeCell ref="A44:B44"/>
    <mergeCell ref="A61:B61"/>
    <mergeCell ref="B177:D177"/>
    <mergeCell ref="B130:D130"/>
    <mergeCell ref="B121:D121"/>
    <mergeCell ref="B129:D129"/>
    <mergeCell ref="B168:D168"/>
    <mergeCell ref="B176:D176"/>
    <mergeCell ref="B156:D156"/>
    <mergeCell ref="B124:D124"/>
    <mergeCell ref="B132:D132"/>
    <mergeCell ref="B133:D133"/>
    <mergeCell ref="B138:D138"/>
    <mergeCell ref="B144:D144"/>
    <mergeCell ref="B150:D150"/>
    <mergeCell ref="A126:B126"/>
    <mergeCell ref="A173:B173"/>
  </mergeCells>
  <hyperlinks>
    <hyperlink ref="A46:B46" location="'02'!A29" display="'02'!A29" xr:uid="{00000000-0004-0000-0300-000000000000}"/>
    <hyperlink ref="A55:B55" location="'02'!A42" display="'02'!A42" xr:uid="{00000000-0004-0000-0300-000001000000}"/>
    <hyperlink ref="A71:B71" location="'02'!A55" display="'02'!A55" xr:uid="{00000000-0004-0000-0300-000002000000}"/>
    <hyperlink ref="A77:B77" location="'02'!A68" display="'02'!A68" xr:uid="{00000000-0004-0000-0300-000003000000}"/>
    <hyperlink ref="B7" location="'1 IndividualWellbeing'!A3" display="Global Life Satisfaction" xr:uid="{00000000-0004-0000-0300-000004000000}"/>
    <hyperlink ref="B63" location="'4 HumanCapital'!A3" display="General health" xr:uid="{00000000-0004-0000-0300-000005000000}"/>
    <hyperlink ref="B67" location="'4 HumanCapital'!A32" display="K6 psychological distress" xr:uid="{00000000-0004-0000-0300-000006000000}"/>
    <hyperlink ref="B46" location="'3 FinancialCapital'!A3" display="Household financial wellbeing" xr:uid="{00000000-0004-0000-0300-000007000000}"/>
    <hyperlink ref="B55" location="'3 FinancialCapital'!A90" display="Community economic wellbeing" xr:uid="{00000000-0004-0000-0300-000008000000}"/>
    <hyperlink ref="B71" location="'4 HumanCapital'!A61" display="Self-efficacy" xr:uid="{00000000-0004-0000-0300-000009000000}"/>
    <hyperlink ref="B77" location="'4 HumanCapital'!A119" display="Community leadership and collaboration" xr:uid="{00000000-0004-0000-0300-00000A000000}"/>
    <hyperlink ref="A85:B85" location="'02'!A68" display="'02'!A68" xr:uid="{00000000-0004-0000-0300-00000B000000}"/>
    <hyperlink ref="B85" location="'5 InstitutionalCapital'!A3" display="Having a say and being heard" xr:uid="{00000000-0004-0000-0300-00000C000000}"/>
    <hyperlink ref="A91:B91" location="'02'!A68" display="'02'!A68" xr:uid="{00000000-0004-0000-0300-00000D000000}"/>
    <hyperlink ref="B91" location="'5 InstitutionalCapital'!A61" display="Contributing to local governance" xr:uid="{00000000-0004-0000-0300-00000E000000}"/>
    <hyperlink ref="A102:B102" location="'02'!A68" display="'02'!A68" xr:uid="{00000000-0004-0000-0300-00000F000000}"/>
    <hyperlink ref="B102" location="'6 SocialCapital'!A3" display="Spending time with friends and family" xr:uid="{00000000-0004-0000-0300-000010000000}"/>
    <hyperlink ref="A108:B108" location="'02'!A68" display="'02'!A68" xr:uid="{00000000-0004-0000-0300-000011000000}"/>
    <hyperlink ref="B108" location="'6 SocialCapital'!A61" display="Getting involved in the community" xr:uid="{00000000-0004-0000-0300-000012000000}"/>
    <hyperlink ref="B120" location="'6 SocialCapital'!A177" display="Sense of belonging" xr:uid="{00000000-0004-0000-0300-000013000000}"/>
    <hyperlink ref="A128:B128" location="'02'!A68" display="'02'!A68" xr:uid="{00000000-0004-0000-0300-000014000000}"/>
    <hyperlink ref="B128" location="'7 PhysicalCapital'!A3" display="Access to health, education, aged care and child care " xr:uid="{00000000-0004-0000-0300-000015000000}"/>
    <hyperlink ref="B155" location="'7 PhysicalCapital'!A264" display="Access to telecommunications" xr:uid="{00000000-0004-0000-0300-000016000000}"/>
    <hyperlink ref="B161" location="'7 PhysicalCapital'!A322" display="Crime and safety in the local community" xr:uid="{00000000-0004-0000-0300-000017000000}"/>
    <hyperlink ref="B167" location="'7 PhysicalCapital'!A380" display="Landscape and aesthetics" xr:uid="{00000000-0004-0000-0300-000018000000}"/>
    <hyperlink ref="B175" location="'8 NaturalCapital'!A3" display="Perceived environmental health" xr:uid="{00000000-0004-0000-0300-000019000000}"/>
    <hyperlink ref="B10" location="'1 IndividualWellbeing'!A32" display="Personal Wellbeing Index" xr:uid="{00000000-0004-0000-0300-00001A000000}"/>
    <hyperlink ref="B27" location="'2 CommunityWellbeing'!A3" display="Community wellbeing measures" xr:uid="{00000000-0004-0000-0300-00001B000000}"/>
    <hyperlink ref="B13" location="'1 IndividualWellbeing'!A61" display="Personal wellbeing domains" xr:uid="{00000000-0004-0000-0300-00001C000000}"/>
    <hyperlink ref="B16" location="'1 IndividualWellbeing'!A90" display="Eudaimonic wellbeing" xr:uid="{00000000-0004-0000-0300-00001D000000}"/>
    <hyperlink ref="B33" location="'2 CommunityWellbeing'!A61" display="Changes in community liveability" xr:uid="{00000000-0004-0000-0300-00001E000000}"/>
    <hyperlink ref="B36" location="'2 CommunityWellbeing'!A90" display="Migration" xr:uid="{00000000-0004-0000-0300-00001F000000}"/>
    <hyperlink ref="A5" location="'1 IndividualWellbeing'!A1" display="Wellbeing of people" xr:uid="{00000000-0004-0000-0300-000020000000}"/>
    <hyperlink ref="A44" location="'3 FinancialCapital'!A1" display="Financial capital" xr:uid="{00000000-0004-0000-0300-000021000000}"/>
    <hyperlink ref="A61" location="'4 HumanCapital'!A1" display="Human capital" xr:uid="{00000000-0004-0000-0300-000022000000}"/>
    <hyperlink ref="B49" location="'3 FinancialCapital'!A32" display="Household financial measures" xr:uid="{00000000-0004-0000-0300-000023000000}"/>
    <hyperlink ref="B52" location="'3 FinancialCapital'!A61" display="Financial distress" xr:uid="{00000000-0004-0000-0300-000024000000}"/>
    <hyperlink ref="B58" location="'3 FinancialCapital'!A119" display="Community economic measures" xr:uid="{00000000-0004-0000-0300-000025000000}"/>
    <hyperlink ref="B74" location="'4 HumanCapital'!A90" display="Self-efficacy measures" xr:uid="{00000000-0004-0000-0300-000026000000}"/>
    <hyperlink ref="A83" location="'5 InstitutionalCapital'!A1" display="Institutional Capital" xr:uid="{00000000-0004-0000-0300-000027000000}"/>
    <hyperlink ref="B88" location="'5 InstitutionalCapital'!A32" display="Having a say and being heard measures" xr:uid="{00000000-0004-0000-0300-000028000000}"/>
    <hyperlink ref="A100" location="'6 SocialCapital'!A1" display="Social capital" xr:uid="{00000000-0004-0000-0300-000029000000}"/>
    <hyperlink ref="B105" location="'6 SocialCapital'!A32" display="Spending time with friends and family measures" xr:uid="{00000000-0004-0000-0300-00002A000000}"/>
    <hyperlink ref="B111" location="'6 SocialCapital'!A90" display="Getting involved measures" xr:uid="{00000000-0004-0000-0300-00002B000000}"/>
    <hyperlink ref="B117" location="'6 SocialCapital'!A148" display="Volunteering" xr:uid="{00000000-0004-0000-0300-00002C000000}"/>
    <hyperlink ref="A126" location="'7 PhysicalCapital'!A1" display="Physical capital" xr:uid="{00000000-0004-0000-0300-00002D000000}"/>
    <hyperlink ref="B134" location="'7 PhysicalCapital'!A61" display="Access to roads and public transport " xr:uid="{00000000-0004-0000-0300-00002E000000}"/>
    <hyperlink ref="B140" location="'7 PhysicalCapital'!A119" display="Access to food" xr:uid="{00000000-0004-0000-0300-00002F000000}"/>
    <hyperlink ref="B146" location="'7 PhysicalCapital'!A177" display="Access to local government services" xr:uid="{00000000-0004-0000-0300-000030000000}"/>
    <hyperlink ref="B158" location="'7 PhysicalCapital'!A293" display="Access to telecommunications measures" xr:uid="{00000000-0004-0000-0300-000031000000}"/>
    <hyperlink ref="B164" location="'7 PhysicalCapital'!A351" display="Crime and safety in the local community measures" xr:uid="{00000000-0004-0000-0300-000032000000}"/>
    <hyperlink ref="B170" location="'7 PhysicalCapital'!A409" display="Landscape and aesthetics measures" xr:uid="{00000000-0004-0000-0300-000033000000}"/>
    <hyperlink ref="A173" location="'8 NaturalCapital'!A1" display="Natural capital" xr:uid="{00000000-0004-0000-0300-000034000000}"/>
    <hyperlink ref="B178" location="'8 NaturalCapital'!A32" display="Perceived environmental health measures" xr:uid="{00000000-0004-0000-0300-000035000000}"/>
    <hyperlink ref="B94" location="'5 InstitutionalCapital'!A90" display="Equity and inclusion" xr:uid="{00000000-0004-0000-0300-000036000000}"/>
    <hyperlink ref="B114" location="'6 SocialCapital'!A119" display="Quality of community events" xr:uid="{00000000-0004-0000-0300-000037000000}"/>
    <hyperlink ref="B19" location="'1 IndividualWellbeing'!A119" display="Eudaimonic wellbeing domains" xr:uid="{00000000-0004-0000-0300-000038000000}"/>
    <hyperlink ref="A25" location="'2 CommunityWellbeing'!A1" display="Wellbeing of communities" xr:uid="{00000000-0004-0000-0300-000039000000}"/>
    <hyperlink ref="B22" location="'1 IndividualWellbeing'!A148" display="Emotional Affect Index " xr:uid="{00000000-0004-0000-0300-00003A000000}"/>
    <hyperlink ref="B30" location="'2 CommunityWellbeing'!A32" display="Community wellbeing domains" xr:uid="{00000000-0004-0000-0300-00003B000000}"/>
    <hyperlink ref="B39" location="'2 CommunityWellbeing'!A119" display="Would recommend community" xr:uid="{00000000-0004-0000-0300-00003C000000}"/>
    <hyperlink ref="A80:B80" location="'02'!A68" display="'02'!A68" xr:uid="{00000000-0004-0000-0300-00003D000000}"/>
    <hyperlink ref="B80" location="'4 HumanCapital'!A148" display="Community leadership and collaboration measures" xr:uid="{00000000-0004-0000-0300-00003E000000}"/>
    <hyperlink ref="B97" location="'5 InstitutionalCapital'!A119" display="Equity and inclusion measures" xr:uid="{00000000-0004-0000-0300-00003F000000}"/>
    <hyperlink ref="B123" location="'6 SocialCapital'!A206" display="Sense of belonging measures" xr:uid="{00000000-0004-0000-0300-000040000000}"/>
    <hyperlink ref="A131:B131" location="'02'!A68" display="'02'!A68" xr:uid="{00000000-0004-0000-0300-000041000000}"/>
    <hyperlink ref="B131" location="'7 PhysicalCapital'!A32" display="Access to health and education services measures" xr:uid="{00000000-0004-0000-0300-000042000000}"/>
    <hyperlink ref="B137" location="'7 PhysicalCapital'!A90" display="Access to roads and public transport " xr:uid="{00000000-0004-0000-0300-000043000000}"/>
    <hyperlink ref="B143" location="'7 PhysicalCapital'!A148" display="Access to food measures" xr:uid="{00000000-0004-0000-0300-000044000000}"/>
    <hyperlink ref="B149" location="'7 PhysicalCapital'!A206" display="Access to financial and professional services" xr:uid="{00000000-0004-0000-0300-000045000000}"/>
    <hyperlink ref="B152" location="'7 PhysicalCapital'!A235" display="Access to financial and professional services measures" xr:uid="{00000000-0004-0000-0300-000046000000}"/>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204"/>
  <sheetViews>
    <sheetView zoomScaleNormal="100" zoomScalePageLayoutView="75" workbookViewId="0"/>
  </sheetViews>
  <sheetFormatPr defaultColWidth="20.28515625" defaultRowHeight="15"/>
  <cols>
    <col min="1" max="1" width="57" style="1" customWidth="1"/>
    <col min="2" max="4" width="20.28515625" style="1" customWidth="1"/>
    <col min="5" max="6" width="20.28515625" style="5" customWidth="1"/>
    <col min="7" max="16384" width="20.28515625" style="1"/>
  </cols>
  <sheetData>
    <row r="1" spans="1:8" ht="31.5">
      <c r="A1" s="31" t="s">
        <v>59</v>
      </c>
    </row>
    <row r="3" spans="1:8" ht="18.75">
      <c r="A3" s="337" t="s">
        <v>68</v>
      </c>
      <c r="B3" s="337"/>
      <c r="C3" s="337"/>
      <c r="D3" s="337"/>
      <c r="E3" s="337"/>
      <c r="F3" s="337"/>
      <c r="G3" s="337"/>
      <c r="H3" s="337"/>
    </row>
    <row r="4" spans="1:8" ht="43.5" customHeight="1">
      <c r="A4" s="339" t="s">
        <v>539</v>
      </c>
      <c r="B4" s="339"/>
      <c r="C4" s="339"/>
      <c r="D4" s="339"/>
      <c r="E4" s="339"/>
      <c r="F4" s="339"/>
      <c r="G4" s="339"/>
      <c r="H4" s="339"/>
    </row>
    <row r="5" spans="1:8" ht="40.5" customHeight="1">
      <c r="A5" s="331" t="s">
        <v>69</v>
      </c>
      <c r="B5" s="332"/>
      <c r="C5" s="332"/>
      <c r="D5" s="332"/>
      <c r="E5" s="332"/>
      <c r="F5" s="332"/>
      <c r="G5" s="332"/>
      <c r="H5" s="332"/>
    </row>
    <row r="6" spans="1:8" ht="45" customHeight="1">
      <c r="A6" s="35" t="s">
        <v>70</v>
      </c>
      <c r="B6" s="36" t="s">
        <v>71</v>
      </c>
      <c r="C6" s="37" t="s">
        <v>550</v>
      </c>
      <c r="D6" s="38" t="s">
        <v>72</v>
      </c>
      <c r="E6" s="36" t="s">
        <v>329</v>
      </c>
      <c r="F6" s="38" t="s">
        <v>333</v>
      </c>
      <c r="G6" s="37" t="s">
        <v>331</v>
      </c>
      <c r="H6" s="38" t="s">
        <v>334</v>
      </c>
    </row>
    <row r="7" spans="1:8" ht="60">
      <c r="A7" s="39"/>
      <c r="B7" s="40" t="s">
        <v>73</v>
      </c>
      <c r="C7" s="41" t="s">
        <v>74</v>
      </c>
      <c r="D7" s="42" t="s">
        <v>75</v>
      </c>
      <c r="E7" s="40" t="s">
        <v>330</v>
      </c>
      <c r="F7" s="89" t="s">
        <v>87</v>
      </c>
      <c r="G7" s="126" t="s">
        <v>332</v>
      </c>
      <c r="H7" s="89" t="s">
        <v>87</v>
      </c>
    </row>
    <row r="8" spans="1:8">
      <c r="A8" s="43" t="s">
        <v>348</v>
      </c>
      <c r="B8" s="44">
        <v>13603</v>
      </c>
      <c r="C8" s="45">
        <v>69.414645476983182</v>
      </c>
      <c r="D8" s="46">
        <v>0.35037310145591</v>
      </c>
      <c r="E8" s="277">
        <v>0.25018988080187143</v>
      </c>
      <c r="F8" s="270">
        <v>7.4268009015894436E-3</v>
      </c>
      <c r="G8" s="277">
        <v>0.35384439625459785</v>
      </c>
      <c r="H8" s="270">
        <v>8.1985197592878839E-3</v>
      </c>
    </row>
    <row r="9" spans="1:8">
      <c r="A9" s="47" t="s">
        <v>349</v>
      </c>
      <c r="B9" s="48">
        <v>10078</v>
      </c>
      <c r="C9" s="49">
        <v>70.952475882326496</v>
      </c>
      <c r="D9" s="50">
        <v>0.39666146567503169</v>
      </c>
      <c r="E9" s="278">
        <v>0.2186499859839999</v>
      </c>
      <c r="F9" s="271">
        <v>8.2344385554779347E-3</v>
      </c>
      <c r="G9" s="278">
        <v>0.38470680343691377</v>
      </c>
      <c r="H9" s="271">
        <v>9.6910829926267501E-3</v>
      </c>
    </row>
    <row r="10" spans="1:8" s="5" customFormat="1">
      <c r="A10" s="43" t="s">
        <v>350</v>
      </c>
      <c r="B10" s="44">
        <v>3525</v>
      </c>
      <c r="C10" s="45">
        <v>68.111747174470864</v>
      </c>
      <c r="D10" s="46">
        <v>0.72343117209105501</v>
      </c>
      <c r="E10" s="277">
        <v>0.27691147199739036</v>
      </c>
      <c r="F10" s="270">
        <v>1.5069284269508867E-2</v>
      </c>
      <c r="G10" s="277">
        <v>0.32769679389896594</v>
      </c>
      <c r="H10" s="270">
        <v>1.5804804968703009E-2</v>
      </c>
    </row>
    <row r="11" spans="1:8" s="5" customFormat="1">
      <c r="A11" s="47" t="s">
        <v>574</v>
      </c>
      <c r="B11" s="48">
        <v>4782</v>
      </c>
      <c r="C11" s="49">
        <v>68.401192192322327</v>
      </c>
      <c r="D11" s="50">
        <v>0.61600015716948597</v>
      </c>
      <c r="E11" s="278">
        <v>0.26825428849356009</v>
      </c>
      <c r="F11" s="271">
        <v>1.2811392092888696E-2</v>
      </c>
      <c r="G11" s="278">
        <v>0.33444540730119832</v>
      </c>
      <c r="H11" s="271">
        <v>1.3640892280573266E-2</v>
      </c>
    </row>
    <row r="12" spans="1:8" s="5" customFormat="1">
      <c r="A12" s="43" t="s">
        <v>575</v>
      </c>
      <c r="B12" s="44">
        <v>5078</v>
      </c>
      <c r="C12" s="45">
        <v>72.015258931853765</v>
      </c>
      <c r="D12" s="46">
        <v>0.55685839550686578</v>
      </c>
      <c r="E12" s="277">
        <v>0.20165680978228054</v>
      </c>
      <c r="F12" s="270">
        <v>1.1261668981201933E-2</v>
      </c>
      <c r="G12" s="277">
        <v>0.40019645851575886</v>
      </c>
      <c r="H12" s="270">
        <v>1.3745735326008346E-2</v>
      </c>
    </row>
    <row r="13" spans="1:8" s="5" customFormat="1">
      <c r="A13" s="47" t="s">
        <v>576</v>
      </c>
      <c r="B13" s="48">
        <v>3110</v>
      </c>
      <c r="C13" s="49">
        <v>71.018930909546938</v>
      </c>
      <c r="D13" s="50">
        <v>0.70009829637726972</v>
      </c>
      <c r="E13" s="278">
        <v>0.22398916454323417</v>
      </c>
      <c r="F13" s="271">
        <v>1.4950726512385642E-2</v>
      </c>
      <c r="G13" s="278">
        <v>0.39451891822060065</v>
      </c>
      <c r="H13" s="271">
        <v>1.751785241767919E-2</v>
      </c>
    </row>
    <row r="14" spans="1:8" s="5" customFormat="1">
      <c r="A14" s="43" t="s">
        <v>577</v>
      </c>
      <c r="B14" s="44">
        <v>411</v>
      </c>
      <c r="C14" s="45">
        <v>68.525534980284334</v>
      </c>
      <c r="D14" s="46">
        <v>2.0557450625073996</v>
      </c>
      <c r="E14" s="277">
        <v>0.26431283760793606</v>
      </c>
      <c r="F14" s="270">
        <v>4.3410865799898259E-2</v>
      </c>
      <c r="G14" s="277">
        <v>0.32807567962107564</v>
      </c>
      <c r="H14" s="270">
        <v>4.6154175814495546E-2</v>
      </c>
    </row>
    <row r="15" spans="1:8" s="5" customFormat="1">
      <c r="A15" s="47" t="s">
        <v>578</v>
      </c>
      <c r="B15" s="48">
        <v>145</v>
      </c>
      <c r="C15" s="49">
        <v>72.378236937574357</v>
      </c>
      <c r="D15" s="50">
        <v>3.3183829607860491</v>
      </c>
      <c r="E15" s="278">
        <v>0.20359979285178309</v>
      </c>
      <c r="F15" s="271">
        <v>6.6916866496793292E-2</v>
      </c>
      <c r="G15" s="278">
        <v>0.4461720650450296</v>
      </c>
      <c r="H15" s="271">
        <v>8.1472362483912417E-2</v>
      </c>
    </row>
    <row r="16" spans="1:8" s="5" customFormat="1">
      <c r="A16" s="43" t="s">
        <v>581</v>
      </c>
      <c r="B16" s="44">
        <v>9606</v>
      </c>
      <c r="C16" s="45">
        <v>69.091607973429248</v>
      </c>
      <c r="D16" s="46">
        <v>0.42304651462609572</v>
      </c>
      <c r="E16" s="277">
        <v>0.25617477689147783</v>
      </c>
      <c r="F16" s="270">
        <v>8.9069356694820145E-3</v>
      </c>
      <c r="G16" s="277">
        <v>0.34793232735627827</v>
      </c>
      <c r="H16" s="270">
        <v>9.7180795146022264E-3</v>
      </c>
    </row>
    <row r="17" spans="1:8" s="5" customFormat="1">
      <c r="A17" s="47" t="s">
        <v>580</v>
      </c>
      <c r="B17" s="48">
        <v>3985</v>
      </c>
      <c r="C17" s="49">
        <v>72.238359002370913</v>
      </c>
      <c r="D17" s="50">
        <v>0.61912111050248664</v>
      </c>
      <c r="E17" s="278">
        <v>0.19737313960872871</v>
      </c>
      <c r="F17" s="271">
        <v>1.2611023617480465E-2</v>
      </c>
      <c r="G17" s="278">
        <v>0.40548915854281203</v>
      </c>
      <c r="H17" s="271">
        <v>1.5548325291816618E-2</v>
      </c>
    </row>
    <row r="18" spans="1:8" s="5" customFormat="1">
      <c r="A18" s="43" t="s">
        <v>583</v>
      </c>
      <c r="B18" s="44">
        <v>917</v>
      </c>
      <c r="C18" s="45">
        <v>72.293457443590981</v>
      </c>
      <c r="D18" s="46">
        <v>1.284537707960058</v>
      </c>
      <c r="E18" s="277">
        <v>0.1960891189369888</v>
      </c>
      <c r="F18" s="270">
        <v>2.623196518740983E-2</v>
      </c>
      <c r="G18" s="277">
        <v>0.40282998212419424</v>
      </c>
      <c r="H18" s="270">
        <v>3.232837922805179E-2</v>
      </c>
    </row>
    <row r="19" spans="1:8" s="5" customFormat="1">
      <c r="A19" s="47" t="s">
        <v>582</v>
      </c>
      <c r="B19" s="48">
        <v>3068</v>
      </c>
      <c r="C19" s="49">
        <v>72.21835230382348</v>
      </c>
      <c r="D19" s="50">
        <v>0.70670903551487119</v>
      </c>
      <c r="E19" s="278">
        <v>0.1978393781073057</v>
      </c>
      <c r="F19" s="271">
        <v>1.4385710091402574E-2</v>
      </c>
      <c r="G19" s="278">
        <v>0.40645472743757677</v>
      </c>
      <c r="H19" s="271">
        <v>1.7724455484747263E-2</v>
      </c>
    </row>
    <row r="20" spans="1:8">
      <c r="A20" s="43" t="s">
        <v>568</v>
      </c>
      <c r="B20" s="44">
        <v>8062</v>
      </c>
      <c r="C20" s="45">
        <v>68.985272498551751</v>
      </c>
      <c r="D20" s="46">
        <v>0.45666149345534174</v>
      </c>
      <c r="E20" s="277">
        <v>0.25266471733090468</v>
      </c>
      <c r="F20" s="270">
        <v>9.6783355779777175E-3</v>
      </c>
      <c r="G20" s="277">
        <v>0.33527603141552975</v>
      </c>
      <c r="H20" s="270">
        <v>1.0513541253854243E-2</v>
      </c>
    </row>
    <row r="21" spans="1:8">
      <c r="A21" s="47" t="s">
        <v>569</v>
      </c>
      <c r="B21" s="48">
        <v>5441</v>
      </c>
      <c r="C21" s="49">
        <v>69.919389576717492</v>
      </c>
      <c r="D21" s="50">
        <v>0.55131230351062555</v>
      </c>
      <c r="E21" s="278">
        <v>0.24711004728155508</v>
      </c>
      <c r="F21" s="271">
        <v>1.1693690856193428E-2</v>
      </c>
      <c r="G21" s="278">
        <v>0.37543163822078596</v>
      </c>
      <c r="H21" s="271">
        <v>1.3125249947392014E-2</v>
      </c>
    </row>
    <row r="22" spans="1:8">
      <c r="A22" s="43" t="s">
        <v>570</v>
      </c>
      <c r="B22" s="44">
        <v>1658</v>
      </c>
      <c r="C22" s="45">
        <v>66.847110555986589</v>
      </c>
      <c r="D22" s="46">
        <v>1.0685182068749681</v>
      </c>
      <c r="E22" s="277">
        <v>0.31969056856453593</v>
      </c>
      <c r="F22" s="270">
        <v>2.2886988297815623E-2</v>
      </c>
      <c r="G22" s="277">
        <v>0.27965415945373495</v>
      </c>
      <c r="H22" s="270">
        <v>2.2031655088878468E-2</v>
      </c>
    </row>
    <row r="23" spans="1:8">
      <c r="A23" s="314" t="s">
        <v>571</v>
      </c>
      <c r="B23" s="48">
        <v>3644</v>
      </c>
      <c r="C23" s="49">
        <v>66.834064697244244</v>
      </c>
      <c r="D23" s="50">
        <v>0.67629483614959063</v>
      </c>
      <c r="E23" s="278">
        <v>0.28069027833030097</v>
      </c>
      <c r="F23" s="271">
        <v>1.4882900507419155E-2</v>
      </c>
      <c r="G23" s="278">
        <v>0.2860375824962948</v>
      </c>
      <c r="H23" s="271">
        <v>1.4967817208344326E-2</v>
      </c>
    </row>
    <row r="24" spans="1:8">
      <c r="A24" s="43" t="s">
        <v>572</v>
      </c>
      <c r="B24" s="44">
        <v>4138</v>
      </c>
      <c r="C24" s="45">
        <v>68.879385304988531</v>
      </c>
      <c r="D24" s="46">
        <v>0.63856324329663894</v>
      </c>
      <c r="E24" s="277">
        <v>0.25174513645648333</v>
      </c>
      <c r="F24" s="270">
        <v>1.3491721819610463E-2</v>
      </c>
      <c r="G24" s="277">
        <v>0.36336946852561708</v>
      </c>
      <c r="H24" s="270">
        <v>1.4947780867251235E-2</v>
      </c>
    </row>
    <row r="25" spans="1:8">
      <c r="A25" s="314" t="s">
        <v>573</v>
      </c>
      <c r="B25" s="48">
        <v>3995</v>
      </c>
      <c r="C25" s="49">
        <v>76.863268577396553</v>
      </c>
      <c r="D25" s="50">
        <v>0.5713649032033683</v>
      </c>
      <c r="E25" s="278">
        <v>0.12958161101700086</v>
      </c>
      <c r="F25" s="271">
        <v>1.0634511799935728E-2</v>
      </c>
      <c r="G25" s="278">
        <v>0.52948115252702443</v>
      </c>
      <c r="H25" s="271">
        <v>1.5785908216255556E-2</v>
      </c>
    </row>
    <row r="26" spans="1:8">
      <c r="A26" s="43" t="s">
        <v>579</v>
      </c>
      <c r="B26" s="44">
        <v>9650</v>
      </c>
      <c r="C26" s="45">
        <v>68.954091885369536</v>
      </c>
      <c r="D26" s="46">
        <v>0.418042992557072</v>
      </c>
      <c r="E26" s="277">
        <v>0.25569506925198288</v>
      </c>
      <c r="F26" s="270">
        <v>8.8811537056321874E-3</v>
      </c>
      <c r="G26" s="277">
        <v>0.34749536139670772</v>
      </c>
      <c r="H26" s="270">
        <v>9.6930646364412221E-3</v>
      </c>
    </row>
    <row r="27" spans="1:8">
      <c r="A27" s="314" t="s">
        <v>585</v>
      </c>
      <c r="B27" s="48">
        <v>1555</v>
      </c>
      <c r="C27" s="49">
        <v>70.415151651541663</v>
      </c>
      <c r="D27" s="50">
        <v>0.9986737390493684</v>
      </c>
      <c r="E27" s="278">
        <v>0.23416765970323461</v>
      </c>
      <c r="F27" s="271">
        <v>2.147214004818004E-2</v>
      </c>
      <c r="G27" s="278">
        <v>0.37725319850033406</v>
      </c>
      <c r="H27" s="271">
        <v>2.4555597981515808E-2</v>
      </c>
    </row>
    <row r="28" spans="1:8" s="5" customFormat="1">
      <c r="A28" s="43" t="s">
        <v>586</v>
      </c>
      <c r="B28" s="44">
        <v>919</v>
      </c>
      <c r="C28" s="45">
        <v>70.740892314846178</v>
      </c>
      <c r="D28" s="46">
        <v>1.3403884098703112</v>
      </c>
      <c r="E28" s="277">
        <v>0.23345637314829942</v>
      </c>
      <c r="F28" s="270">
        <v>2.7896181133324368E-2</v>
      </c>
      <c r="G28" s="277">
        <v>0.36336860231778817</v>
      </c>
      <c r="H28" s="270">
        <v>3.1673668848134974E-2</v>
      </c>
    </row>
    <row r="29" spans="1:8" s="5" customFormat="1">
      <c r="A29" s="314" t="s">
        <v>584</v>
      </c>
      <c r="B29" s="48">
        <v>310</v>
      </c>
      <c r="C29" s="49">
        <v>66.65227298163245</v>
      </c>
      <c r="D29" s="50">
        <v>2.4752908125572732</v>
      </c>
      <c r="E29" s="278">
        <v>0.38616608925037299</v>
      </c>
      <c r="F29" s="271">
        <v>5.498927308464157E-2</v>
      </c>
      <c r="G29" s="278">
        <v>0.32084417496385925</v>
      </c>
      <c r="H29" s="271">
        <v>5.2784350948772651E-2</v>
      </c>
    </row>
    <row r="30" spans="1:8" s="5" customFormat="1">
      <c r="A30" s="43" t="s">
        <v>587</v>
      </c>
      <c r="B30" s="44">
        <v>13088</v>
      </c>
      <c r="C30" s="45">
        <v>69.543178652181197</v>
      </c>
      <c r="D30" s="46">
        <v>0.35577270898876939</v>
      </c>
      <c r="E30" s="277">
        <v>0.24536072756007687</v>
      </c>
      <c r="F30" s="270">
        <v>7.5222139045279662E-3</v>
      </c>
      <c r="G30" s="277">
        <v>0.35550823964237088</v>
      </c>
      <c r="H30" s="270">
        <v>8.3670546603367597E-3</v>
      </c>
    </row>
    <row r="32" spans="1:8" ht="18.75">
      <c r="A32" s="337" t="s">
        <v>7</v>
      </c>
      <c r="B32" s="337"/>
      <c r="C32" s="337"/>
      <c r="D32" s="337"/>
      <c r="E32" s="337"/>
      <c r="F32" s="337"/>
      <c r="G32" s="337"/>
      <c r="H32" s="337"/>
    </row>
    <row r="33" spans="1:8" ht="58.5" customHeight="1">
      <c r="A33" s="340" t="s">
        <v>454</v>
      </c>
      <c r="B33" s="340"/>
      <c r="C33" s="340"/>
      <c r="D33" s="340"/>
      <c r="E33" s="340"/>
      <c r="F33" s="340"/>
      <c r="G33" s="340"/>
      <c r="H33" s="340"/>
    </row>
    <row r="34" spans="1:8" ht="39.75" customHeight="1">
      <c r="A34" s="331" t="s">
        <v>76</v>
      </c>
      <c r="B34" s="332"/>
      <c r="C34" s="332"/>
      <c r="D34" s="332"/>
      <c r="E34" s="332"/>
      <c r="F34" s="332"/>
      <c r="G34" s="332"/>
      <c r="H34" s="332"/>
    </row>
    <row r="35" spans="1:8" ht="45" customHeight="1">
      <c r="A35" s="35" t="s">
        <v>70</v>
      </c>
      <c r="B35" s="36" t="s">
        <v>71</v>
      </c>
      <c r="C35" s="37" t="s">
        <v>550</v>
      </c>
      <c r="D35" s="38" t="s">
        <v>72</v>
      </c>
      <c r="E35" s="36" t="s">
        <v>329</v>
      </c>
      <c r="F35" s="38" t="s">
        <v>333</v>
      </c>
      <c r="G35" s="37" t="s">
        <v>331</v>
      </c>
      <c r="H35" s="38" t="s">
        <v>334</v>
      </c>
    </row>
    <row r="36" spans="1:8" ht="67.5" customHeight="1">
      <c r="A36" s="39"/>
      <c r="B36" s="40" t="s">
        <v>73</v>
      </c>
      <c r="C36" s="41" t="s">
        <v>74</v>
      </c>
      <c r="D36" s="42" t="s">
        <v>75</v>
      </c>
      <c r="E36" s="40" t="s">
        <v>330</v>
      </c>
      <c r="F36" s="89" t="s">
        <v>87</v>
      </c>
      <c r="G36" s="126" t="s">
        <v>332</v>
      </c>
      <c r="H36" s="89" t="s">
        <v>87</v>
      </c>
    </row>
    <row r="37" spans="1:8">
      <c r="A37" s="43" t="s">
        <v>348</v>
      </c>
      <c r="B37" s="56">
        <v>13388</v>
      </c>
      <c r="C37" s="57">
        <v>68.207873174728974</v>
      </c>
      <c r="D37" s="58">
        <v>0.31219410610008241</v>
      </c>
      <c r="E37" s="272">
        <v>0.29200125744005584</v>
      </c>
      <c r="F37" s="273">
        <v>7.8585608336742812E-3</v>
      </c>
      <c r="G37" s="272">
        <v>0.29748781954773451</v>
      </c>
      <c r="H37" s="273">
        <v>7.9012217198860726E-3</v>
      </c>
    </row>
    <row r="38" spans="1:8" s="5" customFormat="1">
      <c r="A38" s="47" t="s">
        <v>349</v>
      </c>
      <c r="B38" s="59">
        <v>9889</v>
      </c>
      <c r="C38" s="60">
        <v>69.687648348819224</v>
      </c>
      <c r="D38" s="61">
        <v>0.35282419388633779</v>
      </c>
      <c r="E38" s="274">
        <v>0.26144549542372658</v>
      </c>
      <c r="F38" s="275">
        <v>8.8368927471551059E-3</v>
      </c>
      <c r="G38" s="274">
        <v>0.32979567643007823</v>
      </c>
      <c r="H38" s="275">
        <v>9.4539889739480489E-3</v>
      </c>
    </row>
    <row r="39" spans="1:8" s="5" customFormat="1">
      <c r="A39" s="43" t="s">
        <v>350</v>
      </c>
      <c r="B39" s="52">
        <v>3499</v>
      </c>
      <c r="C39" s="53">
        <v>66.961984852629868</v>
      </c>
      <c r="D39" s="54">
        <v>0.64258535087208368</v>
      </c>
      <c r="E39" s="276">
        <v>0.31772750811347128</v>
      </c>
      <c r="F39" s="273">
        <v>1.5735922680593154E-2</v>
      </c>
      <c r="G39" s="276">
        <v>0.27028640253078789</v>
      </c>
      <c r="H39" s="273">
        <v>1.5011732185328109E-2</v>
      </c>
    </row>
    <row r="40" spans="1:8" s="5" customFormat="1">
      <c r="A40" s="47" t="s">
        <v>574</v>
      </c>
      <c r="B40" s="59">
        <v>4736</v>
      </c>
      <c r="C40" s="60">
        <v>67.218577043582428</v>
      </c>
      <c r="D40" s="61">
        <v>0.54623325666123224</v>
      </c>
      <c r="E40" s="274">
        <v>0.312259076825667</v>
      </c>
      <c r="F40" s="275">
        <v>1.3463901061923581E-2</v>
      </c>
      <c r="G40" s="274">
        <v>0.27665101125334135</v>
      </c>
      <c r="H40" s="275">
        <v>1.2997870237974593E-2</v>
      </c>
    </row>
    <row r="41" spans="1:8" s="5" customFormat="1">
      <c r="A41" s="43" t="s">
        <v>575</v>
      </c>
      <c r="B41" s="52">
        <v>4991</v>
      </c>
      <c r="C41" s="53">
        <v>70.67549493821123</v>
      </c>
      <c r="D41" s="54">
        <v>0.49320871479574796</v>
      </c>
      <c r="E41" s="276">
        <v>0.24217284943676737</v>
      </c>
      <c r="F41" s="273">
        <v>1.2126513082078003E-2</v>
      </c>
      <c r="G41" s="276">
        <v>0.34990152014453224</v>
      </c>
      <c r="H41" s="273">
        <v>1.3497681268010899E-2</v>
      </c>
    </row>
    <row r="42" spans="1:8" s="5" customFormat="1">
      <c r="A42" s="47" t="s">
        <v>576</v>
      </c>
      <c r="B42" s="59">
        <v>3038</v>
      </c>
      <c r="C42" s="60">
        <v>69.804403598621093</v>
      </c>
      <c r="D42" s="61">
        <v>0.62653295129690256</v>
      </c>
      <c r="E42" s="274">
        <v>0.25477944459309276</v>
      </c>
      <c r="F42" s="275">
        <v>1.5807226114479388E-2</v>
      </c>
      <c r="G42" s="274">
        <v>0.3307103541585289</v>
      </c>
      <c r="H42" s="275">
        <v>1.7062993281228536E-2</v>
      </c>
    </row>
    <row r="43" spans="1:8" s="5" customFormat="1">
      <c r="A43" s="43" t="s">
        <v>577</v>
      </c>
      <c r="B43" s="52">
        <v>403</v>
      </c>
      <c r="C43" s="53">
        <v>67.511215284215027</v>
      </c>
      <c r="D43" s="54">
        <v>1.8944008279930811</v>
      </c>
      <c r="E43" s="276">
        <v>0.31126280686819063</v>
      </c>
      <c r="F43" s="273">
        <v>4.5975638525196157E-2</v>
      </c>
      <c r="G43" s="276">
        <v>0.28996473676293821</v>
      </c>
      <c r="H43" s="273">
        <v>4.5076843891120592E-2</v>
      </c>
    </row>
    <row r="44" spans="1:8" s="5" customFormat="1">
      <c r="A44" s="47" t="s">
        <v>578</v>
      </c>
      <c r="B44" s="59">
        <v>143</v>
      </c>
      <c r="C44" s="60">
        <v>74.556189161787813</v>
      </c>
      <c r="D44" s="61">
        <v>2.7246499413065273</v>
      </c>
      <c r="E44" s="274">
        <v>0.13641110667087888</v>
      </c>
      <c r="F44" s="275">
        <v>5.829776299942032E-2</v>
      </c>
      <c r="G44" s="274">
        <v>0.44446946544295046</v>
      </c>
      <c r="H44" s="275">
        <v>8.1995834250023034E-2</v>
      </c>
    </row>
    <row r="45" spans="1:8" s="5" customFormat="1">
      <c r="A45" s="43" t="s">
        <v>581</v>
      </c>
      <c r="B45" s="52">
        <v>9462</v>
      </c>
      <c r="C45" s="53">
        <v>67.88764036079688</v>
      </c>
      <c r="D45" s="54">
        <v>0.37703560370756289</v>
      </c>
      <c r="E45" s="276">
        <v>0.29907140499767843</v>
      </c>
      <c r="F45" s="273">
        <v>9.4125308662836409E-3</v>
      </c>
      <c r="G45" s="276">
        <v>0.29111071673227895</v>
      </c>
      <c r="H45" s="273">
        <v>9.3390744998406456E-3</v>
      </c>
    </row>
    <row r="46" spans="1:8" s="5" customFormat="1">
      <c r="A46" s="47" t="s">
        <v>580</v>
      </c>
      <c r="B46" s="59">
        <v>3914</v>
      </c>
      <c r="C46" s="60">
        <v>71.06306307707797</v>
      </c>
      <c r="D46" s="61">
        <v>0.54923591856723641</v>
      </c>
      <c r="E46" s="274">
        <v>0.23098935232185297</v>
      </c>
      <c r="F46" s="275">
        <v>1.3472258324341412E-2</v>
      </c>
      <c r="G46" s="274">
        <v>0.35520463210461622</v>
      </c>
      <c r="H46" s="275">
        <v>1.5292856285163687E-2</v>
      </c>
    </row>
    <row r="47" spans="1:8" s="5" customFormat="1">
      <c r="A47" s="43" t="s">
        <v>583</v>
      </c>
      <c r="B47" s="56">
        <v>895</v>
      </c>
      <c r="C47" s="57">
        <v>70.487463902089843</v>
      </c>
      <c r="D47" s="58">
        <v>1.1329530099758269</v>
      </c>
      <c r="E47" s="272">
        <v>0.23891666869943134</v>
      </c>
      <c r="F47" s="273">
        <v>2.8491219915466083E-2</v>
      </c>
      <c r="G47" s="272">
        <v>0.33732494447822087</v>
      </c>
      <c r="H47" s="273">
        <v>3.1553883661485461E-2</v>
      </c>
    </row>
    <row r="48" spans="1:8">
      <c r="A48" s="47" t="s">
        <v>582</v>
      </c>
      <c r="B48" s="59">
        <v>3019</v>
      </c>
      <c r="C48" s="60">
        <v>71.270225990256606</v>
      </c>
      <c r="D48" s="61">
        <v>0.62791651193628073</v>
      </c>
      <c r="E48" s="274">
        <v>0.22813624546237588</v>
      </c>
      <c r="F48" s="275">
        <v>1.5272822191612972E-2</v>
      </c>
      <c r="G48" s="274">
        <v>0.36163967985374684</v>
      </c>
      <c r="H48" s="275">
        <v>1.7479520626304288E-2</v>
      </c>
    </row>
    <row r="49" spans="1:50">
      <c r="A49" s="43" t="s">
        <v>568</v>
      </c>
      <c r="B49" s="52">
        <v>7953</v>
      </c>
      <c r="C49" s="53">
        <v>67.382409305910983</v>
      </c>
      <c r="D49" s="54">
        <v>0.41146579086244323</v>
      </c>
      <c r="E49" s="276">
        <v>0.30093977300096653</v>
      </c>
      <c r="F49" s="273">
        <v>1.0284744693888277E-2</v>
      </c>
      <c r="G49" s="276">
        <v>0.28277619560622752</v>
      </c>
      <c r="H49" s="273">
        <v>1.0098453340149713E-2</v>
      </c>
    </row>
    <row r="50" spans="1:50">
      <c r="A50" s="47" t="s">
        <v>569</v>
      </c>
      <c r="B50" s="59">
        <v>5339</v>
      </c>
      <c r="C50" s="60">
        <v>69.080127778260334</v>
      </c>
      <c r="D50" s="61">
        <v>0.48130162616001765</v>
      </c>
      <c r="E50" s="274">
        <v>0.2828682285738997</v>
      </c>
      <c r="F50" s="275">
        <v>1.2325498685887242E-2</v>
      </c>
      <c r="G50" s="274">
        <v>0.31343959561110935</v>
      </c>
      <c r="H50" s="275">
        <v>1.269422739351599E-2</v>
      </c>
    </row>
    <row r="51" spans="1:50">
      <c r="A51" s="55" t="s">
        <v>570</v>
      </c>
      <c r="B51" s="56">
        <v>1634</v>
      </c>
      <c r="C51" s="57">
        <v>66.518064076485757</v>
      </c>
      <c r="D51" s="58">
        <v>0.90652616990705259</v>
      </c>
      <c r="E51" s="272">
        <v>0.32481047323886564</v>
      </c>
      <c r="F51" s="273">
        <v>2.3149898719515609E-2</v>
      </c>
      <c r="G51" s="272">
        <v>0.2460518436587206</v>
      </c>
      <c r="H51" s="273">
        <v>2.1302227617954632E-2</v>
      </c>
    </row>
    <row r="52" spans="1:50">
      <c r="A52" s="47" t="s">
        <v>571</v>
      </c>
      <c r="B52" s="59">
        <v>3624</v>
      </c>
      <c r="C52" s="60">
        <v>65.823979158942166</v>
      </c>
      <c r="D52" s="61">
        <v>0.59800492221537771</v>
      </c>
      <c r="E52" s="274">
        <v>0.32755055524091309</v>
      </c>
      <c r="F52" s="275">
        <v>1.5585830540244434E-2</v>
      </c>
      <c r="G52" s="274">
        <v>0.237258008046247</v>
      </c>
      <c r="H52" s="275">
        <v>1.4131169472216468E-2</v>
      </c>
    </row>
    <row r="53" spans="1:50">
      <c r="A53" s="55" t="s">
        <v>572</v>
      </c>
      <c r="B53" s="56">
        <v>4082</v>
      </c>
      <c r="C53" s="57">
        <v>67.292393040658297</v>
      </c>
      <c r="D53" s="58">
        <v>0.57756605824021667</v>
      </c>
      <c r="E53" s="272">
        <v>0.32077634193933191</v>
      </c>
      <c r="F53" s="273">
        <v>1.4606663393034031E-2</v>
      </c>
      <c r="G53" s="272">
        <v>0.28502834932759141</v>
      </c>
      <c r="H53" s="273">
        <v>1.4127509169502627E-2</v>
      </c>
    </row>
    <row r="54" spans="1:50">
      <c r="A54" s="47" t="s">
        <v>573</v>
      </c>
      <c r="B54" s="59">
        <v>3885</v>
      </c>
      <c r="C54" s="60">
        <v>74.97703519388719</v>
      </c>
      <c r="D54" s="61">
        <v>0.51765297440598712</v>
      </c>
      <c r="E54" s="274">
        <v>0.16496539829347504</v>
      </c>
      <c r="F54" s="275">
        <v>1.1913056115339453E-2</v>
      </c>
      <c r="G54" s="274">
        <v>0.46377849845884678</v>
      </c>
      <c r="H54" s="275">
        <v>1.5993399909175633E-2</v>
      </c>
    </row>
    <row r="55" spans="1:50">
      <c r="A55" s="55" t="s">
        <v>579</v>
      </c>
      <c r="B55" s="56">
        <v>9526</v>
      </c>
      <c r="C55" s="57">
        <v>67.885295357635187</v>
      </c>
      <c r="D55" s="58">
        <v>0.37662833547356755</v>
      </c>
      <c r="E55" s="272">
        <v>0.29878003276368048</v>
      </c>
      <c r="F55" s="273">
        <v>9.378247401887585E-3</v>
      </c>
      <c r="G55" s="272">
        <v>0.29763555396053532</v>
      </c>
      <c r="H55" s="273">
        <v>9.3679142640088024E-3</v>
      </c>
    </row>
    <row r="56" spans="1:50">
      <c r="A56" s="47" t="s">
        <v>585</v>
      </c>
      <c r="B56" s="59">
        <v>1539</v>
      </c>
      <c r="C56" s="60">
        <v>69.190052754906048</v>
      </c>
      <c r="D56" s="61">
        <v>0.88072461665328783</v>
      </c>
      <c r="E56" s="274">
        <v>0.26754285816882661</v>
      </c>
      <c r="F56" s="275">
        <v>2.25550942938255E-2</v>
      </c>
      <c r="G56" s="274">
        <v>0.30470229803352383</v>
      </c>
      <c r="H56" s="275">
        <v>2.3446208598822536E-2</v>
      </c>
    </row>
    <row r="57" spans="1:50">
      <c r="A57" s="55" t="s">
        <v>586</v>
      </c>
      <c r="B57" s="56">
        <v>909</v>
      </c>
      <c r="C57" s="57">
        <v>68.7717288560615</v>
      </c>
      <c r="D57" s="58">
        <v>1.1469626015769945</v>
      </c>
      <c r="E57" s="272">
        <v>0.28456270365007053</v>
      </c>
      <c r="F57" s="273">
        <v>2.9895221780040639E-2</v>
      </c>
      <c r="G57" s="272">
        <v>0.2812945031463967</v>
      </c>
      <c r="H57" s="273">
        <v>2.9791984759965161E-2</v>
      </c>
    </row>
    <row r="58" spans="1:50">
      <c r="A58" s="47" t="s">
        <v>584</v>
      </c>
      <c r="B58" s="59">
        <v>305</v>
      </c>
      <c r="C58" s="60">
        <v>63.078127578212694</v>
      </c>
      <c r="D58" s="61">
        <v>2.2013396407205286</v>
      </c>
      <c r="E58" s="274">
        <v>0.46383499969448821</v>
      </c>
      <c r="F58" s="275">
        <v>5.6742846405952681E-2</v>
      </c>
      <c r="G58" s="274">
        <v>0.24260204762576434</v>
      </c>
      <c r="H58" s="275">
        <v>4.899646617052595E-2</v>
      </c>
    </row>
    <row r="59" spans="1:50" s="5" customFormat="1">
      <c r="A59" s="55" t="s">
        <v>587</v>
      </c>
      <c r="B59" s="56">
        <v>12884</v>
      </c>
      <c r="C59" s="57">
        <v>68.382915373360277</v>
      </c>
      <c r="D59" s="58">
        <v>0.31692099171781768</v>
      </c>
      <c r="E59" s="272">
        <v>0.2867738425580183</v>
      </c>
      <c r="F59" s="273">
        <v>7.9680231356727728E-3</v>
      </c>
      <c r="G59" s="272">
        <v>0.29961934026811465</v>
      </c>
      <c r="H59" s="273">
        <v>8.0707707529485296E-3</v>
      </c>
    </row>
    <row r="61" spans="1:50" ht="18.75">
      <c r="A61" s="337" t="s">
        <v>32</v>
      </c>
      <c r="B61" s="337"/>
      <c r="C61" s="337"/>
      <c r="D61" s="337"/>
      <c r="E61" s="337"/>
      <c r="F61" s="337"/>
      <c r="G61" s="337"/>
      <c r="H61" s="337"/>
      <c r="I61" s="337"/>
      <c r="J61" s="337"/>
      <c r="K61" s="337"/>
      <c r="L61" s="337"/>
      <c r="M61" s="337"/>
      <c r="N61" s="337"/>
      <c r="O61" s="337"/>
      <c r="P61" s="337"/>
      <c r="Q61" s="337"/>
      <c r="R61" s="337"/>
      <c r="S61" s="337"/>
      <c r="T61" s="337"/>
      <c r="U61" s="337"/>
      <c r="V61" s="337"/>
      <c r="W61" s="337"/>
      <c r="X61" s="337"/>
      <c r="Y61" s="337"/>
      <c r="Z61" s="337"/>
      <c r="AA61" s="337"/>
      <c r="AB61" s="337"/>
      <c r="AC61" s="337"/>
      <c r="AD61" s="337"/>
      <c r="AE61" s="337"/>
      <c r="AF61" s="337"/>
      <c r="AG61" s="337"/>
      <c r="AH61" s="337"/>
      <c r="AI61" s="337"/>
      <c r="AJ61" s="337"/>
      <c r="AK61" s="337"/>
      <c r="AL61" s="337"/>
      <c r="AM61" s="337"/>
      <c r="AN61" s="337"/>
      <c r="AO61" s="337"/>
      <c r="AP61" s="337"/>
      <c r="AQ61" s="337"/>
      <c r="AR61" s="337"/>
      <c r="AS61" s="337"/>
      <c r="AT61" s="337"/>
      <c r="AU61" s="337"/>
      <c r="AV61" s="337"/>
      <c r="AW61" s="337"/>
      <c r="AX61" s="337"/>
    </row>
    <row r="62" spans="1:50" ht="70.5" customHeight="1">
      <c r="A62" s="336" t="s">
        <v>540</v>
      </c>
      <c r="B62" s="336"/>
      <c r="C62" s="336"/>
      <c r="D62" s="336"/>
      <c r="E62" s="336"/>
      <c r="F62" s="336"/>
      <c r="G62" s="336"/>
      <c r="H62" s="336"/>
      <c r="I62" s="336"/>
      <c r="J62" s="336"/>
      <c r="K62" s="336"/>
      <c r="L62" s="336"/>
      <c r="M62" s="336"/>
      <c r="N62" s="336"/>
      <c r="O62" s="336"/>
      <c r="P62" s="336"/>
      <c r="Q62" s="336"/>
      <c r="R62" s="336"/>
      <c r="S62" s="336"/>
      <c r="T62" s="336"/>
      <c r="U62" s="336"/>
      <c r="V62" s="336"/>
      <c r="W62" s="336"/>
      <c r="X62" s="336"/>
      <c r="Y62" s="336"/>
      <c r="Z62" s="336"/>
      <c r="AA62" s="336"/>
      <c r="AB62" s="336"/>
      <c r="AC62" s="336"/>
      <c r="AD62" s="336"/>
      <c r="AE62" s="336"/>
      <c r="AF62" s="336"/>
      <c r="AG62" s="336"/>
      <c r="AH62" s="336"/>
      <c r="AI62" s="336"/>
      <c r="AJ62" s="336"/>
      <c r="AK62" s="336"/>
      <c r="AL62" s="336"/>
      <c r="AM62" s="336"/>
      <c r="AN62" s="336"/>
      <c r="AO62" s="336"/>
      <c r="AP62" s="336"/>
      <c r="AQ62" s="336"/>
      <c r="AR62" s="336"/>
      <c r="AS62" s="336"/>
      <c r="AT62" s="336"/>
      <c r="AU62" s="336"/>
      <c r="AV62" s="336"/>
      <c r="AW62" s="336"/>
      <c r="AX62" s="336"/>
    </row>
    <row r="63" spans="1:50" ht="32.25" customHeight="1">
      <c r="A63" s="312" t="s">
        <v>77</v>
      </c>
      <c r="B63" s="333" t="s">
        <v>78</v>
      </c>
      <c r="C63" s="334"/>
      <c r="D63" s="334"/>
      <c r="E63" s="334"/>
      <c r="F63" s="334"/>
      <c r="G63" s="334"/>
      <c r="H63" s="335"/>
      <c r="I63" s="333" t="s">
        <v>335</v>
      </c>
      <c r="J63" s="334"/>
      <c r="K63" s="334"/>
      <c r="L63" s="334"/>
      <c r="M63" s="334"/>
      <c r="N63" s="334"/>
      <c r="O63" s="335"/>
      <c r="P63" s="333" t="s">
        <v>336</v>
      </c>
      <c r="Q63" s="334"/>
      <c r="R63" s="334"/>
      <c r="S63" s="334"/>
      <c r="T63" s="334"/>
      <c r="U63" s="334"/>
      <c r="V63" s="335"/>
      <c r="W63" s="333" t="s">
        <v>79</v>
      </c>
      <c r="X63" s="334"/>
      <c r="Y63" s="334"/>
      <c r="Z63" s="334"/>
      <c r="AA63" s="334"/>
      <c r="AB63" s="334"/>
      <c r="AC63" s="335"/>
      <c r="AD63" s="333" t="s">
        <v>80</v>
      </c>
      <c r="AE63" s="334"/>
      <c r="AF63" s="334"/>
      <c r="AG63" s="334"/>
      <c r="AH63" s="334"/>
      <c r="AI63" s="334"/>
      <c r="AJ63" s="335"/>
      <c r="AK63" s="333" t="s">
        <v>81</v>
      </c>
      <c r="AL63" s="334"/>
      <c r="AM63" s="334"/>
      <c r="AN63" s="334"/>
      <c r="AO63" s="334"/>
      <c r="AP63" s="334"/>
      <c r="AQ63" s="335"/>
      <c r="AR63" s="333" t="s">
        <v>82</v>
      </c>
      <c r="AS63" s="334"/>
      <c r="AT63" s="334"/>
      <c r="AU63" s="334"/>
      <c r="AV63" s="334"/>
      <c r="AW63" s="334"/>
      <c r="AX63" s="335"/>
    </row>
    <row r="64" spans="1:50" ht="43.5" customHeight="1">
      <c r="A64" s="35" t="s">
        <v>70</v>
      </c>
      <c r="B64" s="36" t="s">
        <v>71</v>
      </c>
      <c r="C64" s="37" t="s">
        <v>550</v>
      </c>
      <c r="D64" s="38" t="s">
        <v>72</v>
      </c>
      <c r="E64" s="37" t="s">
        <v>329</v>
      </c>
      <c r="F64" s="38" t="s">
        <v>333</v>
      </c>
      <c r="G64" s="37" t="s">
        <v>331</v>
      </c>
      <c r="H64" s="38" t="s">
        <v>334</v>
      </c>
      <c r="I64" s="63" t="s">
        <v>71</v>
      </c>
      <c r="J64" s="64" t="s">
        <v>550</v>
      </c>
      <c r="K64" s="65" t="s">
        <v>72</v>
      </c>
      <c r="L64" s="64" t="s">
        <v>329</v>
      </c>
      <c r="M64" s="65" t="s">
        <v>333</v>
      </c>
      <c r="N64" s="64" t="s">
        <v>331</v>
      </c>
      <c r="O64" s="65" t="s">
        <v>334</v>
      </c>
      <c r="P64" s="36" t="s">
        <v>71</v>
      </c>
      <c r="Q64" s="37" t="s">
        <v>550</v>
      </c>
      <c r="R64" s="38" t="s">
        <v>72</v>
      </c>
      <c r="S64" s="37" t="s">
        <v>329</v>
      </c>
      <c r="T64" s="38" t="s">
        <v>333</v>
      </c>
      <c r="U64" s="37" t="s">
        <v>331</v>
      </c>
      <c r="V64" s="38" t="s">
        <v>334</v>
      </c>
      <c r="W64" s="63" t="s">
        <v>71</v>
      </c>
      <c r="X64" s="64" t="s">
        <v>550</v>
      </c>
      <c r="Y64" s="65" t="s">
        <v>72</v>
      </c>
      <c r="Z64" s="64" t="s">
        <v>329</v>
      </c>
      <c r="AA64" s="65" t="s">
        <v>333</v>
      </c>
      <c r="AB64" s="64" t="s">
        <v>331</v>
      </c>
      <c r="AC64" s="65" t="s">
        <v>334</v>
      </c>
      <c r="AD64" s="36" t="s">
        <v>71</v>
      </c>
      <c r="AE64" s="37" t="s">
        <v>550</v>
      </c>
      <c r="AF64" s="38" t="s">
        <v>72</v>
      </c>
      <c r="AG64" s="37" t="s">
        <v>329</v>
      </c>
      <c r="AH64" s="38" t="s">
        <v>333</v>
      </c>
      <c r="AI64" s="37" t="s">
        <v>331</v>
      </c>
      <c r="AJ64" s="38" t="s">
        <v>334</v>
      </c>
      <c r="AK64" s="63" t="s">
        <v>71</v>
      </c>
      <c r="AL64" s="64" t="s">
        <v>550</v>
      </c>
      <c r="AM64" s="65" t="s">
        <v>72</v>
      </c>
      <c r="AN64" s="64" t="s">
        <v>329</v>
      </c>
      <c r="AO64" s="65" t="s">
        <v>333</v>
      </c>
      <c r="AP64" s="64" t="s">
        <v>331</v>
      </c>
      <c r="AQ64" s="65" t="s">
        <v>334</v>
      </c>
      <c r="AR64" s="36" t="s">
        <v>71</v>
      </c>
      <c r="AS64" s="37" t="s">
        <v>550</v>
      </c>
      <c r="AT64" s="38" t="s">
        <v>72</v>
      </c>
      <c r="AU64" s="37" t="s">
        <v>329</v>
      </c>
      <c r="AV64" s="38" t="s">
        <v>333</v>
      </c>
      <c r="AW64" s="37" t="s">
        <v>331</v>
      </c>
      <c r="AX64" s="38" t="s">
        <v>334</v>
      </c>
    </row>
    <row r="65" spans="1:50" ht="69" customHeight="1">
      <c r="A65" s="39"/>
      <c r="B65" s="40" t="s">
        <v>73</v>
      </c>
      <c r="C65" s="41" t="s">
        <v>74</v>
      </c>
      <c r="D65" s="42" t="s">
        <v>75</v>
      </c>
      <c r="E65" s="41" t="s">
        <v>330</v>
      </c>
      <c r="F65" s="89" t="s">
        <v>87</v>
      </c>
      <c r="G65" s="41" t="s">
        <v>332</v>
      </c>
      <c r="H65" s="89" t="s">
        <v>87</v>
      </c>
      <c r="I65" s="66" t="s">
        <v>73</v>
      </c>
      <c r="J65" s="67" t="s">
        <v>74</v>
      </c>
      <c r="K65" s="68" t="s">
        <v>75</v>
      </c>
      <c r="L65" s="67" t="s">
        <v>330</v>
      </c>
      <c r="M65" s="68" t="s">
        <v>75</v>
      </c>
      <c r="N65" s="67" t="s">
        <v>332</v>
      </c>
      <c r="O65" s="68" t="s">
        <v>87</v>
      </c>
      <c r="P65" s="40" t="s">
        <v>73</v>
      </c>
      <c r="Q65" s="41" t="s">
        <v>74</v>
      </c>
      <c r="R65" s="42" t="s">
        <v>75</v>
      </c>
      <c r="S65" s="41" t="s">
        <v>330</v>
      </c>
      <c r="T65" s="42" t="s">
        <v>87</v>
      </c>
      <c r="U65" s="41" t="s">
        <v>332</v>
      </c>
      <c r="V65" s="42" t="s">
        <v>87</v>
      </c>
      <c r="W65" s="66" t="s">
        <v>73</v>
      </c>
      <c r="X65" s="67" t="s">
        <v>74</v>
      </c>
      <c r="Y65" s="68" t="s">
        <v>75</v>
      </c>
      <c r="Z65" s="67" t="s">
        <v>330</v>
      </c>
      <c r="AA65" s="68" t="s">
        <v>87</v>
      </c>
      <c r="AB65" s="67" t="s">
        <v>332</v>
      </c>
      <c r="AC65" s="68" t="s">
        <v>87</v>
      </c>
      <c r="AD65" s="40" t="s">
        <v>73</v>
      </c>
      <c r="AE65" s="41" t="s">
        <v>74</v>
      </c>
      <c r="AF65" s="42" t="s">
        <v>75</v>
      </c>
      <c r="AG65" s="41" t="s">
        <v>330</v>
      </c>
      <c r="AH65" s="42" t="s">
        <v>87</v>
      </c>
      <c r="AI65" s="41" t="s">
        <v>332</v>
      </c>
      <c r="AJ65" s="42" t="s">
        <v>87</v>
      </c>
      <c r="AK65" s="66" t="s">
        <v>73</v>
      </c>
      <c r="AL65" s="67" t="s">
        <v>74</v>
      </c>
      <c r="AM65" s="68" t="s">
        <v>75</v>
      </c>
      <c r="AN65" s="67" t="s">
        <v>330</v>
      </c>
      <c r="AO65" s="68" t="s">
        <v>87</v>
      </c>
      <c r="AP65" s="67" t="s">
        <v>332</v>
      </c>
      <c r="AQ65" s="68" t="s">
        <v>87</v>
      </c>
      <c r="AR65" s="40" t="s">
        <v>73</v>
      </c>
      <c r="AS65" s="41" t="s">
        <v>74</v>
      </c>
      <c r="AT65" s="42" t="s">
        <v>75</v>
      </c>
      <c r="AU65" s="41" t="s">
        <v>330</v>
      </c>
      <c r="AV65" s="42" t="s">
        <v>87</v>
      </c>
      <c r="AW65" s="41" t="s">
        <v>332</v>
      </c>
      <c r="AX65" s="42" t="s">
        <v>87</v>
      </c>
    </row>
    <row r="66" spans="1:50">
      <c r="A66" s="43" t="s">
        <v>348</v>
      </c>
      <c r="B66" s="69">
        <v>13570</v>
      </c>
      <c r="C66" s="70">
        <v>71.438630345390308</v>
      </c>
      <c r="D66" s="71">
        <v>0.35337904261092806</v>
      </c>
      <c r="E66" s="279">
        <v>0.240466845408177</v>
      </c>
      <c r="F66" s="280">
        <v>7.3370964794701836E-3</v>
      </c>
      <c r="G66" s="281">
        <v>0.40087115027287756</v>
      </c>
      <c r="H66" s="280">
        <v>8.4128631801001236E-3</v>
      </c>
      <c r="I66" s="69">
        <v>13556</v>
      </c>
      <c r="J66" s="70">
        <v>67.249706894513793</v>
      </c>
      <c r="K66" s="71">
        <v>0.39074111841170045</v>
      </c>
      <c r="L66" s="279">
        <v>0.30006086316616065</v>
      </c>
      <c r="M66" s="280">
        <v>7.8715334654811085E-3</v>
      </c>
      <c r="N66" s="281">
        <v>0.32844081781997503</v>
      </c>
      <c r="O66" s="280">
        <v>8.0665522454644312E-3</v>
      </c>
      <c r="P66" s="69">
        <v>13533</v>
      </c>
      <c r="Q66" s="70">
        <v>65.322654533475699</v>
      </c>
      <c r="R66" s="71">
        <v>0.4054703749536423</v>
      </c>
      <c r="S66" s="279">
        <v>0.34047814760760325</v>
      </c>
      <c r="T66" s="280">
        <v>8.1459649654541111E-3</v>
      </c>
      <c r="U66" s="281">
        <v>0.31825195682542395</v>
      </c>
      <c r="V66" s="280">
        <v>8.0072945826806866E-3</v>
      </c>
      <c r="W66" s="69">
        <v>13522</v>
      </c>
      <c r="X66" s="70">
        <v>71.045567311173087</v>
      </c>
      <c r="Y66" s="71">
        <v>0.42066220326834314</v>
      </c>
      <c r="Z66" s="279">
        <v>0.2735156750950844</v>
      </c>
      <c r="AA66" s="280">
        <v>7.6662448437937727E-3</v>
      </c>
      <c r="AB66" s="281">
        <v>0.44866137810191631</v>
      </c>
      <c r="AC66" s="280">
        <v>8.5529360242496532E-3</v>
      </c>
      <c r="AD66" s="69">
        <v>13549</v>
      </c>
      <c r="AE66" s="70">
        <v>74.042393617335378</v>
      </c>
      <c r="AF66" s="71">
        <v>0.36492693047760022</v>
      </c>
      <c r="AG66" s="279">
        <v>0.21918160250748378</v>
      </c>
      <c r="AH66" s="280">
        <v>7.1080158760762173E-3</v>
      </c>
      <c r="AI66" s="281">
        <v>0.48085613989649967</v>
      </c>
      <c r="AJ66" s="280">
        <v>8.5834900597652631E-3</v>
      </c>
      <c r="AK66" s="69">
        <v>13525</v>
      </c>
      <c r="AL66" s="70">
        <v>64.115309634413777</v>
      </c>
      <c r="AM66" s="71">
        <v>0.42139710288579496</v>
      </c>
      <c r="AN66" s="279">
        <v>0.37418317763397418</v>
      </c>
      <c r="AO66" s="280">
        <v>8.3209243159596807E-3</v>
      </c>
      <c r="AP66" s="281">
        <v>0.29474715129768669</v>
      </c>
      <c r="AQ66" s="280">
        <v>7.8400782607710145E-3</v>
      </c>
      <c r="AR66" s="69">
        <v>13529</v>
      </c>
      <c r="AS66" s="70">
        <v>64.674676425130073</v>
      </c>
      <c r="AT66" s="71">
        <v>0.43499056656587498</v>
      </c>
      <c r="AU66" s="279">
        <v>0.36491027912587382</v>
      </c>
      <c r="AV66" s="280">
        <v>8.2766321104891776E-3</v>
      </c>
      <c r="AW66" s="281">
        <v>0.32030615518574806</v>
      </c>
      <c r="AX66" s="280">
        <v>8.0221596477630282E-3</v>
      </c>
    </row>
    <row r="67" spans="1:50" s="5" customFormat="1">
      <c r="A67" s="47" t="s">
        <v>349</v>
      </c>
      <c r="B67" s="72">
        <v>10055</v>
      </c>
      <c r="C67" s="73">
        <v>73.164697367354762</v>
      </c>
      <c r="D67" s="74">
        <v>0.40048464601374079</v>
      </c>
      <c r="E67" s="282">
        <v>0.20987679526600334</v>
      </c>
      <c r="F67" s="283">
        <v>8.1221281139804268E-3</v>
      </c>
      <c r="G67" s="284">
        <v>0.43607647042244929</v>
      </c>
      <c r="H67" s="283">
        <v>9.8888751877334678E-3</v>
      </c>
      <c r="I67" s="72">
        <v>10043</v>
      </c>
      <c r="J67" s="73">
        <v>66.862155971112429</v>
      </c>
      <c r="K67" s="74">
        <v>0.45433726982971639</v>
      </c>
      <c r="L67" s="282">
        <v>0.30751297821261192</v>
      </c>
      <c r="M67" s="283">
        <v>9.2082990362279665E-3</v>
      </c>
      <c r="N67" s="284">
        <v>0.3300229878843946</v>
      </c>
      <c r="O67" s="283">
        <v>9.3828857711381556E-3</v>
      </c>
      <c r="P67" s="72">
        <v>10027</v>
      </c>
      <c r="Q67" s="73">
        <v>66.791836467068165</v>
      </c>
      <c r="R67" s="74">
        <v>0.46551816361235671</v>
      </c>
      <c r="S67" s="282">
        <v>0.31635250540374288</v>
      </c>
      <c r="T67" s="283">
        <v>9.2872392196801778E-3</v>
      </c>
      <c r="U67" s="284">
        <v>0.34251780998900488</v>
      </c>
      <c r="V67" s="283">
        <v>9.4767739960541098E-3</v>
      </c>
      <c r="W67" s="72">
        <v>10016</v>
      </c>
      <c r="X67" s="73">
        <v>73.037939169361266</v>
      </c>
      <c r="Y67" s="74">
        <v>0.47861896107427071</v>
      </c>
      <c r="Z67" s="282">
        <v>0.24646932655942103</v>
      </c>
      <c r="AA67" s="283">
        <v>8.6116827991018323E-3</v>
      </c>
      <c r="AB67" s="284">
        <v>0.48841836026437457</v>
      </c>
      <c r="AC67" s="283">
        <v>9.9873367464312877E-3</v>
      </c>
      <c r="AD67" s="72">
        <v>10042</v>
      </c>
      <c r="AE67" s="73">
        <v>76.524111162024013</v>
      </c>
      <c r="AF67" s="74">
        <v>0.40950905192480291</v>
      </c>
      <c r="AG67" s="282">
        <v>0.18469742367316946</v>
      </c>
      <c r="AH67" s="283">
        <v>7.7452839747371976E-3</v>
      </c>
      <c r="AI67" s="284">
        <v>0.52778538758003091</v>
      </c>
      <c r="AJ67" s="283">
        <v>9.9616742556273893E-3</v>
      </c>
      <c r="AK67" s="72">
        <v>10025</v>
      </c>
      <c r="AL67" s="73">
        <v>66.892036120047791</v>
      </c>
      <c r="AM67" s="74">
        <v>0.48085713434636318</v>
      </c>
      <c r="AN67" s="282">
        <v>0.32610143263671432</v>
      </c>
      <c r="AO67" s="283">
        <v>9.3626465751574205E-3</v>
      </c>
      <c r="AP67" s="284">
        <v>0.33752311325959089</v>
      </c>
      <c r="AQ67" s="283">
        <v>9.4440602605184599E-3</v>
      </c>
      <c r="AR67" s="72">
        <v>10021</v>
      </c>
      <c r="AS67" s="73">
        <v>65.681533639053356</v>
      </c>
      <c r="AT67" s="74">
        <v>0.5044151860498951</v>
      </c>
      <c r="AU67" s="282">
        <v>0.34756852736597621</v>
      </c>
      <c r="AV67" s="283">
        <v>9.5124684552233083E-3</v>
      </c>
      <c r="AW67" s="284">
        <v>0.34075583167763918</v>
      </c>
      <c r="AX67" s="283">
        <v>9.4678672150871439E-3</v>
      </c>
    </row>
    <row r="68" spans="1:50" s="5" customFormat="1">
      <c r="A68" s="43" t="s">
        <v>350</v>
      </c>
      <c r="B68" s="52">
        <v>3515</v>
      </c>
      <c r="C68" s="53">
        <v>69.976615823825824</v>
      </c>
      <c r="D68" s="54">
        <v>0.72461273116365144</v>
      </c>
      <c r="E68" s="276">
        <v>0.26637725152457892</v>
      </c>
      <c r="F68" s="285">
        <v>1.4908813318692257E-2</v>
      </c>
      <c r="G68" s="276">
        <v>0.37105151485892707</v>
      </c>
      <c r="H68" s="285">
        <v>1.6288464832602888E-2</v>
      </c>
      <c r="I68" s="52">
        <v>3513</v>
      </c>
      <c r="J68" s="53">
        <v>67.577772556268499</v>
      </c>
      <c r="K68" s="54">
        <v>0.76498159555816492</v>
      </c>
      <c r="L68" s="276">
        <v>0.29375257461215459</v>
      </c>
      <c r="M68" s="285">
        <v>1.5364353363018937E-2</v>
      </c>
      <c r="N68" s="276">
        <v>0.3271014953261957</v>
      </c>
      <c r="O68" s="285">
        <v>1.5824386942336503E-2</v>
      </c>
      <c r="P68" s="52">
        <v>3506</v>
      </c>
      <c r="Q68" s="53">
        <v>64.076642051783381</v>
      </c>
      <c r="R68" s="54">
        <v>0.80960608416473434</v>
      </c>
      <c r="S68" s="276">
        <v>0.36093909300008564</v>
      </c>
      <c r="T68" s="285">
        <v>1.6214590668248423E-2</v>
      </c>
      <c r="U68" s="276">
        <v>0.29767209858632715</v>
      </c>
      <c r="V68" s="285">
        <v>1.5438755758263732E-2</v>
      </c>
      <c r="W68" s="52">
        <v>3506</v>
      </c>
      <c r="X68" s="53">
        <v>69.35603935690294</v>
      </c>
      <c r="Y68" s="54">
        <v>0.86006341989208956</v>
      </c>
      <c r="Z68" s="276">
        <v>0.29645093274998163</v>
      </c>
      <c r="AA68" s="285">
        <v>1.5420493849944388E-2</v>
      </c>
      <c r="AB68" s="276">
        <v>0.41494752470408403</v>
      </c>
      <c r="AC68" s="285">
        <v>1.6633558727091127E-2</v>
      </c>
      <c r="AD68" s="52">
        <v>3507</v>
      </c>
      <c r="AE68" s="53">
        <v>71.939223780586431</v>
      </c>
      <c r="AF68" s="54">
        <v>0.75907590917583134</v>
      </c>
      <c r="AG68" s="276">
        <v>0.24840575209880325</v>
      </c>
      <c r="AH68" s="285">
        <v>1.4589980835254365E-2</v>
      </c>
      <c r="AI68" s="276">
        <v>0.44108522462831345</v>
      </c>
      <c r="AJ68" s="285">
        <v>1.6759289129489815E-2</v>
      </c>
      <c r="AK68" s="52">
        <v>3500</v>
      </c>
      <c r="AL68" s="53">
        <v>61.758635626394216</v>
      </c>
      <c r="AM68" s="54">
        <v>0.83583430222926502</v>
      </c>
      <c r="AN68" s="276">
        <v>0.41499130161793196</v>
      </c>
      <c r="AO68" s="285">
        <v>1.6648049325318787E-2</v>
      </c>
      <c r="AP68" s="276">
        <v>0.2584421719468955</v>
      </c>
      <c r="AQ68" s="285">
        <v>1.4796294089987715E-2</v>
      </c>
      <c r="AR68" s="52">
        <v>3508</v>
      </c>
      <c r="AS68" s="53">
        <v>63.824219254449147</v>
      </c>
      <c r="AT68" s="54">
        <v>0.84786993618243456</v>
      </c>
      <c r="AU68" s="276">
        <v>0.37955825197883186</v>
      </c>
      <c r="AV68" s="285">
        <v>1.637845445261624E-2</v>
      </c>
      <c r="AW68" s="276">
        <v>0.30303302671217563</v>
      </c>
      <c r="AX68" s="285">
        <v>1.5512957867430328E-2</v>
      </c>
    </row>
    <row r="69" spans="1:50" s="5" customFormat="1">
      <c r="A69" s="47" t="s">
        <v>574</v>
      </c>
      <c r="B69" s="72">
        <v>4767</v>
      </c>
      <c r="C69" s="73">
        <v>70.4463239029715</v>
      </c>
      <c r="D69" s="74">
        <v>0.61392960167911337</v>
      </c>
      <c r="E69" s="282">
        <v>0.25798582836716988</v>
      </c>
      <c r="F69" s="283">
        <v>1.267186807995682E-2</v>
      </c>
      <c r="G69" s="284">
        <v>0.38053463787001335</v>
      </c>
      <c r="H69" s="283">
        <v>1.4058951501188926E-2</v>
      </c>
      <c r="I69" s="72">
        <v>4765</v>
      </c>
      <c r="J69" s="73">
        <v>67.301351176011693</v>
      </c>
      <c r="K69" s="74">
        <v>0.66280344199210206</v>
      </c>
      <c r="L69" s="282">
        <v>0.29957056341315935</v>
      </c>
      <c r="M69" s="283">
        <v>1.3268376794000584E-2</v>
      </c>
      <c r="N69" s="284">
        <v>0.32790594023330288</v>
      </c>
      <c r="O69" s="283">
        <v>1.3597370486558928E-2</v>
      </c>
      <c r="P69" s="72">
        <v>4756</v>
      </c>
      <c r="Q69" s="73">
        <v>64.388444929933542</v>
      </c>
      <c r="R69" s="74">
        <v>0.69889683850557016</v>
      </c>
      <c r="S69" s="282">
        <v>0.35765775363221458</v>
      </c>
      <c r="T69" s="283">
        <v>1.3895550440156373E-2</v>
      </c>
      <c r="U69" s="284">
        <v>0.30298162989120364</v>
      </c>
      <c r="V69" s="283">
        <v>1.3323668577879325E-2</v>
      </c>
      <c r="W69" s="72">
        <v>4751</v>
      </c>
      <c r="X69" s="73">
        <v>69.798336482083499</v>
      </c>
      <c r="Y69" s="74">
        <v>0.73155818075623991</v>
      </c>
      <c r="Z69" s="282">
        <v>0.29043809875932991</v>
      </c>
      <c r="AA69" s="283">
        <v>1.3169050956569074E-2</v>
      </c>
      <c r="AB69" s="284">
        <v>0.42339193166614431</v>
      </c>
      <c r="AC69" s="283">
        <v>1.4330955915842788E-2</v>
      </c>
      <c r="AD69" s="72">
        <v>4759</v>
      </c>
      <c r="AE69" s="73">
        <v>72.538759258082905</v>
      </c>
      <c r="AF69" s="74">
        <v>0.64403349766685392</v>
      </c>
      <c r="AG69" s="282">
        <v>0.2389580732328693</v>
      </c>
      <c r="AH69" s="283">
        <v>1.2362076137199099E-2</v>
      </c>
      <c r="AI69" s="284">
        <v>0.45103754609021329</v>
      </c>
      <c r="AJ69" s="283">
        <v>1.4420187373871622E-2</v>
      </c>
      <c r="AK69" s="72">
        <v>4745</v>
      </c>
      <c r="AL69" s="73">
        <v>62.193740536483993</v>
      </c>
      <c r="AM69" s="74">
        <v>0.71596754706987431</v>
      </c>
      <c r="AN69" s="282">
        <v>0.40585669473133684</v>
      </c>
      <c r="AO69" s="283">
        <v>1.4251950678581884E-2</v>
      </c>
      <c r="AP69" s="284">
        <v>0.26237459081267223</v>
      </c>
      <c r="AQ69" s="283">
        <v>1.2770690715819617E-2</v>
      </c>
      <c r="AR69" s="72">
        <v>4754</v>
      </c>
      <c r="AS69" s="73">
        <v>63.808428722315227</v>
      </c>
      <c r="AT69" s="74">
        <v>0.73186085226471476</v>
      </c>
      <c r="AU69" s="282">
        <v>0.37906761871197342</v>
      </c>
      <c r="AV69" s="283">
        <v>1.4067630389781371E-2</v>
      </c>
      <c r="AW69" s="284">
        <v>0.30158122161204781</v>
      </c>
      <c r="AX69" s="283">
        <v>1.3309020175790189E-2</v>
      </c>
    </row>
    <row r="70" spans="1:50" s="5" customFormat="1">
      <c r="A70" s="43" t="s">
        <v>575</v>
      </c>
      <c r="B70" s="52">
        <v>5074</v>
      </c>
      <c r="C70" s="53">
        <v>74.330848384291883</v>
      </c>
      <c r="D70" s="54">
        <v>0.5606829709222817</v>
      </c>
      <c r="E70" s="276">
        <v>0.1920561319440996</v>
      </c>
      <c r="F70" s="285">
        <v>1.1061071890570529E-2</v>
      </c>
      <c r="G70" s="276">
        <v>0.45167538987940709</v>
      </c>
      <c r="H70" s="285">
        <v>1.3967508846676583E-2</v>
      </c>
      <c r="I70" s="52">
        <v>5065</v>
      </c>
      <c r="J70" s="53">
        <v>67.096963930182625</v>
      </c>
      <c r="K70" s="54">
        <v>0.64182284340745177</v>
      </c>
      <c r="L70" s="276">
        <v>0.29643239332971949</v>
      </c>
      <c r="M70" s="285">
        <v>1.2830768061245862E-2</v>
      </c>
      <c r="N70" s="276">
        <v>0.332521555857963</v>
      </c>
      <c r="O70" s="285">
        <v>1.3235509452402868E-2</v>
      </c>
      <c r="P70" s="52">
        <v>5060</v>
      </c>
      <c r="Q70" s="53">
        <v>67.406124828811215</v>
      </c>
      <c r="R70" s="54">
        <v>0.65252501565936705</v>
      </c>
      <c r="S70" s="276">
        <v>0.30021354988886817</v>
      </c>
      <c r="T70" s="285">
        <v>1.2883865932461184E-2</v>
      </c>
      <c r="U70" s="276">
        <v>0.35032294633286559</v>
      </c>
      <c r="V70" s="285">
        <v>1.3409110039023363E-2</v>
      </c>
      <c r="W70" s="52">
        <v>5057</v>
      </c>
      <c r="X70" s="53">
        <v>74.064667940219621</v>
      </c>
      <c r="Y70" s="54">
        <v>0.66772907825138617</v>
      </c>
      <c r="Z70" s="276">
        <v>0.23096539313962061</v>
      </c>
      <c r="AA70" s="285">
        <v>1.1852173402369971E-2</v>
      </c>
      <c r="AB70" s="276">
        <v>0.50805658827041222</v>
      </c>
      <c r="AC70" s="285">
        <v>1.4054827969374524E-2</v>
      </c>
      <c r="AD70" s="52">
        <v>5066</v>
      </c>
      <c r="AE70" s="53">
        <v>78.042325702538079</v>
      </c>
      <c r="AF70" s="54">
        <v>0.56491326091767757</v>
      </c>
      <c r="AG70" s="276">
        <v>0.16290206171598701</v>
      </c>
      <c r="AH70" s="285">
        <v>1.03791710333968E-2</v>
      </c>
      <c r="AI70" s="276">
        <v>0.5553404966521901</v>
      </c>
      <c r="AJ70" s="285">
        <v>1.395801707325744E-2</v>
      </c>
      <c r="AK70" s="52">
        <v>5061</v>
      </c>
      <c r="AL70" s="53">
        <v>68.272890012062533</v>
      </c>
      <c r="AM70" s="54">
        <v>0.67929047905265671</v>
      </c>
      <c r="AN70" s="276">
        <v>0.30309218802115978</v>
      </c>
      <c r="AO70" s="285">
        <v>1.2917492890162816E-2</v>
      </c>
      <c r="AP70" s="276">
        <v>0.36267322517446965</v>
      </c>
      <c r="AQ70" s="285">
        <v>1.351160904113396E-2</v>
      </c>
      <c r="AR70" s="52">
        <v>5057</v>
      </c>
      <c r="AS70" s="53">
        <v>66.783506873452239</v>
      </c>
      <c r="AT70" s="54">
        <v>0.70519701577032334</v>
      </c>
      <c r="AU70" s="276">
        <v>0.33092113969162251</v>
      </c>
      <c r="AV70" s="285">
        <v>1.3229914373657633E-2</v>
      </c>
      <c r="AW70" s="276">
        <v>0.3656943201172822</v>
      </c>
      <c r="AX70" s="285">
        <v>1.3540880780878414E-2</v>
      </c>
    </row>
    <row r="71" spans="1:50" s="5" customFormat="1">
      <c r="A71" s="47" t="s">
        <v>576</v>
      </c>
      <c r="B71" s="72">
        <v>3101</v>
      </c>
      <c r="C71" s="73">
        <v>72.786060971796033</v>
      </c>
      <c r="D71" s="74">
        <v>0.71767194063966167</v>
      </c>
      <c r="E71" s="282">
        <v>0.20741648897446097</v>
      </c>
      <c r="F71" s="283">
        <v>1.4562445145156587E-2</v>
      </c>
      <c r="G71" s="284">
        <v>0.44251073964704313</v>
      </c>
      <c r="H71" s="283">
        <v>1.7827352188404279E-2</v>
      </c>
      <c r="I71" s="72">
        <v>3095</v>
      </c>
      <c r="J71" s="73">
        <v>66.348733263811042</v>
      </c>
      <c r="K71" s="74">
        <v>0.80326764654787008</v>
      </c>
      <c r="L71" s="282">
        <v>0.32268217947497674</v>
      </c>
      <c r="M71" s="283">
        <v>1.679900364146171E-2</v>
      </c>
      <c r="N71" s="284">
        <v>0.31879134683127769</v>
      </c>
      <c r="O71" s="283">
        <v>1.6745465977145373E-2</v>
      </c>
      <c r="P71" s="72">
        <v>3086</v>
      </c>
      <c r="Q71" s="73">
        <v>66.976232239834985</v>
      </c>
      <c r="R71" s="74">
        <v>0.83022346493876242</v>
      </c>
      <c r="S71" s="282">
        <v>0.30739014910561124</v>
      </c>
      <c r="T71" s="283">
        <v>1.6604964018163713E-2</v>
      </c>
      <c r="U71" s="284">
        <v>0.35719611905329968</v>
      </c>
      <c r="V71" s="283">
        <v>1.7242223131014488E-2</v>
      </c>
      <c r="W71" s="72">
        <v>3082</v>
      </c>
      <c r="X71" s="73">
        <v>73.44765770259275</v>
      </c>
      <c r="Y71" s="74">
        <v>0.85098712451766045</v>
      </c>
      <c r="Z71" s="282">
        <v>0.23910818576679532</v>
      </c>
      <c r="AA71" s="283">
        <v>1.5363885834570384E-2</v>
      </c>
      <c r="AB71" s="284">
        <v>0.49897708932495355</v>
      </c>
      <c r="AC71" s="283">
        <v>1.8001186551389544E-2</v>
      </c>
      <c r="AD71" s="72">
        <v>3093</v>
      </c>
      <c r="AE71" s="73">
        <v>76.256905971873252</v>
      </c>
      <c r="AF71" s="74">
        <v>0.72066660818467287</v>
      </c>
      <c r="AG71" s="282">
        <v>0.19144253928569302</v>
      </c>
      <c r="AH71" s="283">
        <v>1.4150721039626314E-2</v>
      </c>
      <c r="AI71" s="284">
        <v>0.52694591830120496</v>
      </c>
      <c r="AJ71" s="283">
        <v>1.7943181296970881E-2</v>
      </c>
      <c r="AK71" s="72">
        <v>3091</v>
      </c>
      <c r="AL71" s="73">
        <v>68.318068446046638</v>
      </c>
      <c r="AM71" s="74">
        <v>0.84607404302769984</v>
      </c>
      <c r="AN71" s="282">
        <v>0.30829305498428394</v>
      </c>
      <c r="AO71" s="283">
        <v>1.6605014396589766E-2</v>
      </c>
      <c r="AP71" s="284">
        <v>0.37156123510240624</v>
      </c>
      <c r="AQ71" s="283">
        <v>1.7373446269493588E-2</v>
      </c>
      <c r="AR71" s="72">
        <v>3090</v>
      </c>
      <c r="AS71" s="73">
        <v>66.163504583908463</v>
      </c>
      <c r="AT71" s="74">
        <v>0.896746338356192</v>
      </c>
      <c r="AU71" s="282">
        <v>0.33447826571123934</v>
      </c>
      <c r="AV71" s="283">
        <v>1.6966957121824135E-2</v>
      </c>
      <c r="AW71" s="284">
        <v>0.35352991451537003</v>
      </c>
      <c r="AX71" s="283">
        <v>1.7191343013124267E-2</v>
      </c>
    </row>
    <row r="72" spans="1:50" s="5" customFormat="1">
      <c r="A72" s="43" t="s">
        <v>577</v>
      </c>
      <c r="B72" s="52">
        <v>407</v>
      </c>
      <c r="C72" s="53">
        <v>70.474410005812913</v>
      </c>
      <c r="D72" s="54">
        <v>2.1076070048238944</v>
      </c>
      <c r="E72" s="276">
        <v>0.24616193854211685</v>
      </c>
      <c r="F72" s="285">
        <v>4.2639702619010615E-2</v>
      </c>
      <c r="G72" s="276">
        <v>0.37682660526489919</v>
      </c>
      <c r="H72" s="285">
        <v>4.7836114221003471E-2</v>
      </c>
      <c r="I72" s="52">
        <v>410</v>
      </c>
      <c r="J72" s="53">
        <v>68.173450535751059</v>
      </c>
      <c r="K72" s="54">
        <v>2.3237710902547049</v>
      </c>
      <c r="L72" s="276">
        <v>0.30336035137288636</v>
      </c>
      <c r="M72" s="285">
        <v>4.5266407365106752E-2</v>
      </c>
      <c r="N72" s="276">
        <v>0.35659352137291733</v>
      </c>
      <c r="O72" s="285">
        <v>4.7123033688810392E-2</v>
      </c>
      <c r="P72" s="52">
        <v>410</v>
      </c>
      <c r="Q72" s="53">
        <v>65.650145358167819</v>
      </c>
      <c r="R72" s="54">
        <v>2.2987303332224065</v>
      </c>
      <c r="S72" s="276">
        <v>0.33408040454982574</v>
      </c>
      <c r="T72" s="285">
        <v>4.6417563448733337E-2</v>
      </c>
      <c r="U72" s="276">
        <v>0.31743676921291547</v>
      </c>
      <c r="V72" s="285">
        <v>4.582170872582083E-2</v>
      </c>
      <c r="W72" s="52">
        <v>410</v>
      </c>
      <c r="X72" s="53">
        <v>70.073985635989359</v>
      </c>
      <c r="Y72" s="54">
        <v>2.6305935001105127</v>
      </c>
      <c r="Z72" s="276">
        <v>0.29482046713292498</v>
      </c>
      <c r="AA72" s="285">
        <v>4.4905798302520582E-2</v>
      </c>
      <c r="AB72" s="276">
        <v>0.46818131048085765</v>
      </c>
      <c r="AC72" s="285">
        <v>4.904961899928522E-2</v>
      </c>
      <c r="AD72" s="52">
        <v>410</v>
      </c>
      <c r="AE72" s="53">
        <v>72.909448835178864</v>
      </c>
      <c r="AF72" s="54">
        <v>2.3659508788681674</v>
      </c>
      <c r="AG72" s="276">
        <v>0.23787519247794514</v>
      </c>
      <c r="AH72" s="285">
        <v>4.2004357876394498E-2</v>
      </c>
      <c r="AI72" s="276">
        <v>0.49457705060720458</v>
      </c>
      <c r="AJ72" s="285">
        <v>4.9144483539280082E-2</v>
      </c>
      <c r="AK72" s="52">
        <v>405</v>
      </c>
      <c r="AL72" s="53">
        <v>65.438780841109619</v>
      </c>
      <c r="AM72" s="54">
        <v>2.4933286218143986</v>
      </c>
      <c r="AN72" s="276">
        <v>0.32459827701302957</v>
      </c>
      <c r="AO72" s="285">
        <v>4.6367625103079589E-2</v>
      </c>
      <c r="AP72" s="276">
        <v>0.34296136608787087</v>
      </c>
      <c r="AQ72" s="285">
        <v>4.699465485138013E-2</v>
      </c>
      <c r="AR72" s="52">
        <v>408</v>
      </c>
      <c r="AS72" s="53">
        <v>62.980741561044759</v>
      </c>
      <c r="AT72" s="54">
        <v>2.7748794617575689</v>
      </c>
      <c r="AU72" s="276">
        <v>0.40269503413982621</v>
      </c>
      <c r="AV72" s="285">
        <v>4.8342899477962144E-2</v>
      </c>
      <c r="AW72" s="276">
        <v>0.34119204615748944</v>
      </c>
      <c r="AX72" s="285">
        <v>4.6766032467593609E-2</v>
      </c>
    </row>
    <row r="73" spans="1:50" s="5" customFormat="1">
      <c r="A73" s="47" t="s">
        <v>578</v>
      </c>
      <c r="B73" s="72">
        <v>144</v>
      </c>
      <c r="C73" s="73">
        <v>73.065752777200075</v>
      </c>
      <c r="D73" s="74">
        <v>3.3879770577079187</v>
      </c>
      <c r="E73" s="282">
        <v>0.14482302703316463</v>
      </c>
      <c r="F73" s="283">
        <v>5.9406097970157924E-2</v>
      </c>
      <c r="G73" s="284">
        <v>0.44987625650690538</v>
      </c>
      <c r="H73" s="283">
        <v>8.1807549374784821E-2</v>
      </c>
      <c r="I73" s="72">
        <v>144</v>
      </c>
      <c r="J73" s="73">
        <v>73.884652107469989</v>
      </c>
      <c r="K73" s="74">
        <v>3.5837154924571144</v>
      </c>
      <c r="L73" s="282">
        <v>0.16527870365246905</v>
      </c>
      <c r="M73" s="283">
        <v>6.2371151734819184E-2</v>
      </c>
      <c r="N73" s="284">
        <v>0.34607530667232395</v>
      </c>
      <c r="O73" s="283">
        <v>7.8425481005816006E-2</v>
      </c>
      <c r="P73" s="72">
        <v>144</v>
      </c>
      <c r="Q73" s="73">
        <v>72.338002744670035</v>
      </c>
      <c r="R73" s="74">
        <v>3.8765596243681317</v>
      </c>
      <c r="S73" s="282">
        <v>0.22243540520293512</v>
      </c>
      <c r="T73" s="283">
        <v>6.9177808032451688E-2</v>
      </c>
      <c r="U73" s="284">
        <v>0.41007743810988373</v>
      </c>
      <c r="V73" s="283">
        <v>8.093125394733941E-2</v>
      </c>
      <c r="W73" s="72">
        <v>145</v>
      </c>
      <c r="X73" s="73">
        <v>74.872158641696075</v>
      </c>
      <c r="Y73" s="74">
        <v>4.1907436035687216</v>
      </c>
      <c r="Z73" s="282">
        <v>0.22365055677139531</v>
      </c>
      <c r="AA73" s="283">
        <v>6.9063980989428814E-2</v>
      </c>
      <c r="AB73" s="284">
        <v>0.46220974286979832</v>
      </c>
      <c r="AC73" s="283">
        <v>8.1701296507238258E-2</v>
      </c>
      <c r="AD73" s="72">
        <v>143</v>
      </c>
      <c r="AE73" s="73">
        <v>83.168624687402243</v>
      </c>
      <c r="AF73" s="74">
        <v>3.552362068597545</v>
      </c>
      <c r="AG73" s="282">
        <v>0.11740800946454839</v>
      </c>
      <c r="AH73" s="283">
        <v>5.5077202951319654E-2</v>
      </c>
      <c r="AI73" s="284">
        <v>0.70542487226259842</v>
      </c>
      <c r="AJ73" s="283">
        <v>7.5604761911954588E-2</v>
      </c>
      <c r="AK73" s="72">
        <v>145</v>
      </c>
      <c r="AL73" s="73">
        <v>71.446409362238455</v>
      </c>
      <c r="AM73" s="74">
        <v>4.2428652579407418</v>
      </c>
      <c r="AN73" s="282">
        <v>0.23102370407765535</v>
      </c>
      <c r="AO73" s="283">
        <v>6.9800113724281507E-2</v>
      </c>
      <c r="AP73" s="284">
        <v>0.40850328298049626</v>
      </c>
      <c r="AQ73" s="283">
        <v>8.0613720075202927E-2</v>
      </c>
      <c r="AR73" s="72">
        <v>142</v>
      </c>
      <c r="AS73" s="73">
        <v>71.695409015273611</v>
      </c>
      <c r="AT73" s="74">
        <v>4.313358471226449</v>
      </c>
      <c r="AU73" s="282">
        <v>0.26173584558816665</v>
      </c>
      <c r="AV73" s="283">
        <v>7.3335082919039687E-2</v>
      </c>
      <c r="AW73" s="284">
        <v>0.40525229186281481</v>
      </c>
      <c r="AX73" s="283">
        <v>8.1342844684045054E-2</v>
      </c>
    </row>
    <row r="74" spans="1:50" s="5" customFormat="1">
      <c r="A74" s="43" t="s">
        <v>581</v>
      </c>
      <c r="B74" s="52">
        <v>9573</v>
      </c>
      <c r="C74" s="53">
        <v>71.068406328793145</v>
      </c>
      <c r="D74" s="54">
        <v>0.42682060631407848</v>
      </c>
      <c r="E74" s="276">
        <v>0.24645153590979418</v>
      </c>
      <c r="F74" s="285">
        <v>8.8084476846247654E-3</v>
      </c>
      <c r="G74" s="276">
        <v>0.39327166891336884</v>
      </c>
      <c r="H74" s="285">
        <v>9.9831449600574634E-3</v>
      </c>
      <c r="I74" s="52">
        <v>9564</v>
      </c>
      <c r="J74" s="53">
        <v>67.245415752128764</v>
      </c>
      <c r="K74" s="54">
        <v>0.46660430144547749</v>
      </c>
      <c r="L74" s="276">
        <v>0.30071382073521424</v>
      </c>
      <c r="M74" s="285">
        <v>9.37686922990515E-3</v>
      </c>
      <c r="N74" s="276">
        <v>0.32757689666770046</v>
      </c>
      <c r="O74" s="285">
        <v>9.5966986265329669E-3</v>
      </c>
      <c r="P74" s="52">
        <v>9549</v>
      </c>
      <c r="Q74" s="53">
        <v>65.041655971392956</v>
      </c>
      <c r="R74" s="54">
        <v>0.48615762243466903</v>
      </c>
      <c r="S74" s="276">
        <v>0.34565937981876749</v>
      </c>
      <c r="T74" s="285">
        <v>9.7320732200246313E-3</v>
      </c>
      <c r="U74" s="276">
        <v>0.31353283544974186</v>
      </c>
      <c r="V74" s="285">
        <v>9.4938174112676899E-3</v>
      </c>
      <c r="W74" s="52">
        <v>9544</v>
      </c>
      <c r="X74" s="53">
        <v>70.636774059908646</v>
      </c>
      <c r="Y74" s="54">
        <v>0.50868241278050019</v>
      </c>
      <c r="Z74" s="276">
        <v>0.27946107430618911</v>
      </c>
      <c r="AA74" s="285">
        <v>9.1855911107954179E-3</v>
      </c>
      <c r="AB74" s="276">
        <v>0.44196551225529157</v>
      </c>
      <c r="AC74" s="285">
        <v>1.0164850260115335E-2</v>
      </c>
      <c r="AD74" s="52">
        <v>9559</v>
      </c>
      <c r="AE74" s="53">
        <v>73.583174952793001</v>
      </c>
      <c r="AF74" s="54">
        <v>0.44315390036853641</v>
      </c>
      <c r="AG74" s="276">
        <v>0.22599250241306215</v>
      </c>
      <c r="AH74" s="285">
        <v>8.5552057436174833E-3</v>
      </c>
      <c r="AI74" s="276">
        <v>0.4727568576450939</v>
      </c>
      <c r="AJ74" s="285">
        <v>1.0210754796791904E-2</v>
      </c>
      <c r="AK74" s="52">
        <v>9545</v>
      </c>
      <c r="AL74" s="53">
        <v>63.615429396456847</v>
      </c>
      <c r="AM74" s="54">
        <v>0.50265983577781836</v>
      </c>
      <c r="AN74" s="276">
        <v>0.38200802907132597</v>
      </c>
      <c r="AO74" s="285">
        <v>9.9446484875647164E-3</v>
      </c>
      <c r="AP74" s="276">
        <v>0.2856139977058052</v>
      </c>
      <c r="AQ74" s="285">
        <v>9.2458794834335712E-3</v>
      </c>
      <c r="AR74" s="52">
        <v>9549</v>
      </c>
      <c r="AS74" s="53">
        <v>64.353768511196705</v>
      </c>
      <c r="AT74" s="54">
        <v>0.52128913567876234</v>
      </c>
      <c r="AU74" s="276">
        <v>0.37037923079666785</v>
      </c>
      <c r="AV74" s="285">
        <v>9.8817995678686914E-3</v>
      </c>
      <c r="AW74" s="276">
        <v>0.31448387363919816</v>
      </c>
      <c r="AX74" s="285">
        <v>9.501609049598873E-3</v>
      </c>
    </row>
    <row r="75" spans="1:50" s="5" customFormat="1">
      <c r="A75" s="47" t="s">
        <v>580</v>
      </c>
      <c r="B75" s="72">
        <v>3985</v>
      </c>
      <c r="C75" s="73">
        <v>74.788917078394604</v>
      </c>
      <c r="D75" s="74">
        <v>0.62311031770825898</v>
      </c>
      <c r="E75" s="282">
        <v>0.18355000683361836</v>
      </c>
      <c r="F75" s="283">
        <v>1.2266781890502032E-2</v>
      </c>
      <c r="G75" s="284">
        <v>0.47305629433321406</v>
      </c>
      <c r="H75" s="283">
        <v>1.5810214732016669E-2</v>
      </c>
      <c r="I75" s="72">
        <v>3980</v>
      </c>
      <c r="J75" s="73">
        <v>67.254338934576325</v>
      </c>
      <c r="K75" s="74">
        <v>0.71588200626811904</v>
      </c>
      <c r="L75" s="282">
        <v>0.29814894315271573</v>
      </c>
      <c r="M75" s="283">
        <v>1.4497539077139066E-2</v>
      </c>
      <c r="N75" s="284">
        <v>0.33861824907005128</v>
      </c>
      <c r="O75" s="283">
        <v>1.4996927447746654E-2</v>
      </c>
      <c r="P75" s="72">
        <v>3972</v>
      </c>
      <c r="Q75" s="73">
        <v>67.740107778373684</v>
      </c>
      <c r="R75" s="74">
        <v>0.73152860261168451</v>
      </c>
      <c r="S75" s="282">
        <v>0.29318784851036539</v>
      </c>
      <c r="T75" s="283">
        <v>1.444181936153466E-2</v>
      </c>
      <c r="U75" s="284">
        <v>0.358964411323282</v>
      </c>
      <c r="V75" s="283">
        <v>1.5216379134548E-2</v>
      </c>
      <c r="W75" s="72">
        <v>3966</v>
      </c>
      <c r="X75" s="73">
        <v>74.62249180238463</v>
      </c>
      <c r="Y75" s="74">
        <v>0.74107231605724577</v>
      </c>
      <c r="Z75" s="282">
        <v>0.21922935665582508</v>
      </c>
      <c r="AA75" s="283">
        <v>1.3138541819504584E-2</v>
      </c>
      <c r="AB75" s="284">
        <v>0.50636653637385065</v>
      </c>
      <c r="AC75" s="283">
        <v>1.5869732573082902E-2</v>
      </c>
      <c r="AD75" s="72">
        <v>3979</v>
      </c>
      <c r="AE75" s="73">
        <v>78.373293606592725</v>
      </c>
      <c r="AF75" s="74">
        <v>0.63048552959330562</v>
      </c>
      <c r="AG75" s="282">
        <v>0.15538057401530822</v>
      </c>
      <c r="AH75" s="283">
        <v>1.1490736604372071E-2</v>
      </c>
      <c r="AI75" s="284">
        <v>0.56058751908320559</v>
      </c>
      <c r="AJ75" s="283">
        <v>1.5728570199532617E-2</v>
      </c>
      <c r="AK75" s="72">
        <v>3968</v>
      </c>
      <c r="AL75" s="73">
        <v>68.438768982267717</v>
      </c>
      <c r="AM75" s="74">
        <v>0.76382400936498596</v>
      </c>
      <c r="AN75" s="282">
        <v>0.3016141468449714</v>
      </c>
      <c r="AO75" s="283">
        <v>1.4567351725109033E-2</v>
      </c>
      <c r="AP75" s="284">
        <v>0.3732196873414142</v>
      </c>
      <c r="AQ75" s="283">
        <v>1.5349539657675612E-2</v>
      </c>
      <c r="AR75" s="72">
        <v>3968</v>
      </c>
      <c r="AS75" s="73">
        <v>67.491539039512489</v>
      </c>
      <c r="AT75" s="74">
        <v>0.78479986752916753</v>
      </c>
      <c r="AU75" s="282">
        <v>0.31680506721980239</v>
      </c>
      <c r="AV75" s="283">
        <v>1.4765954434619854E-2</v>
      </c>
      <c r="AW75" s="284">
        <v>0.36821037441698129</v>
      </c>
      <c r="AX75" s="283">
        <v>1.5307076961135186E-2</v>
      </c>
    </row>
    <row r="76" spans="1:50" s="5" customFormat="1">
      <c r="A76" s="43" t="s">
        <v>583</v>
      </c>
      <c r="B76" s="69">
        <v>917</v>
      </c>
      <c r="C76" s="70">
        <v>74.599841829951629</v>
      </c>
      <c r="D76" s="71">
        <v>1.2668439196707675</v>
      </c>
      <c r="E76" s="279">
        <v>0.18773900420511055</v>
      </c>
      <c r="F76" s="280">
        <v>2.5806277128048057E-2</v>
      </c>
      <c r="G76" s="281">
        <v>0.45820587390326528</v>
      </c>
      <c r="H76" s="280">
        <v>3.2836805090249346E-2</v>
      </c>
      <c r="I76" s="69">
        <v>915</v>
      </c>
      <c r="J76" s="70">
        <v>66.851201492706664</v>
      </c>
      <c r="K76" s="71">
        <v>1.4907022228684697</v>
      </c>
      <c r="L76" s="279">
        <v>0.31314889368592275</v>
      </c>
      <c r="M76" s="280">
        <v>3.0618572188877789E-2</v>
      </c>
      <c r="N76" s="281">
        <v>0.31763711386323429</v>
      </c>
      <c r="O76" s="280">
        <v>3.0735110123637624E-2</v>
      </c>
      <c r="P76" s="69">
        <v>912</v>
      </c>
      <c r="Q76" s="70">
        <v>68.388667996446387</v>
      </c>
      <c r="R76" s="71">
        <v>1.5094710646606211</v>
      </c>
      <c r="S76" s="279">
        <v>0.29047227804246273</v>
      </c>
      <c r="T76" s="280">
        <v>3.0027696020258201E-2</v>
      </c>
      <c r="U76" s="281">
        <v>0.3517653590723947</v>
      </c>
      <c r="V76" s="280">
        <v>3.1568735610931521E-2</v>
      </c>
      <c r="W76" s="69">
        <v>913</v>
      </c>
      <c r="X76" s="70">
        <v>75.429817402922851</v>
      </c>
      <c r="Y76" s="71">
        <v>1.4915266533415374</v>
      </c>
      <c r="Z76" s="279">
        <v>0.21845111634721215</v>
      </c>
      <c r="AA76" s="280">
        <v>2.7344905188752797E-2</v>
      </c>
      <c r="AB76" s="281">
        <v>0.51015557593869498</v>
      </c>
      <c r="AC76" s="280">
        <v>3.3016156256662751E-2</v>
      </c>
      <c r="AD76" s="69">
        <v>915</v>
      </c>
      <c r="AE76" s="70">
        <v>76.191131406326377</v>
      </c>
      <c r="AF76" s="71">
        <v>1.3578375277044772</v>
      </c>
      <c r="AG76" s="279">
        <v>0.18540353160710016</v>
      </c>
      <c r="AH76" s="280">
        <v>2.5711950911228729E-2</v>
      </c>
      <c r="AI76" s="281">
        <v>0.52046992196763731</v>
      </c>
      <c r="AJ76" s="280">
        <v>3.2959540730280824E-2</v>
      </c>
      <c r="AK76" s="69">
        <v>911</v>
      </c>
      <c r="AL76" s="70">
        <v>67.937718034752365</v>
      </c>
      <c r="AM76" s="71">
        <v>1.6366702549750161</v>
      </c>
      <c r="AN76" s="279">
        <v>0.29909271537200643</v>
      </c>
      <c r="AO76" s="280">
        <v>3.0298218930308787E-2</v>
      </c>
      <c r="AP76" s="281">
        <v>0.35487557599566139</v>
      </c>
      <c r="AQ76" s="280">
        <v>3.1648523291226333E-2</v>
      </c>
      <c r="AR76" s="69">
        <v>910</v>
      </c>
      <c r="AS76" s="70">
        <v>65.956506461225132</v>
      </c>
      <c r="AT76" s="71">
        <v>1.6725699060582397</v>
      </c>
      <c r="AU76" s="279">
        <v>0.3467964524894333</v>
      </c>
      <c r="AV76" s="280">
        <v>3.1500315152732189E-2</v>
      </c>
      <c r="AW76" s="281">
        <v>0.35442399911661043</v>
      </c>
      <c r="AX76" s="280">
        <v>3.1656852252333639E-2</v>
      </c>
    </row>
    <row r="77" spans="1:50">
      <c r="A77" s="47" t="s">
        <v>582</v>
      </c>
      <c r="B77" s="72">
        <v>3068</v>
      </c>
      <c r="C77" s="73">
        <v>74.857604035482552</v>
      </c>
      <c r="D77" s="74">
        <v>0.71542685856261934</v>
      </c>
      <c r="E77" s="282">
        <v>0.1820282344965857</v>
      </c>
      <c r="F77" s="283">
        <v>1.3936102410964242E-2</v>
      </c>
      <c r="G77" s="284">
        <v>0.47845113156977676</v>
      </c>
      <c r="H77" s="283">
        <v>1.8025475849612383E-2</v>
      </c>
      <c r="I77" s="72">
        <v>3065</v>
      </c>
      <c r="J77" s="73">
        <v>67.400371277927192</v>
      </c>
      <c r="K77" s="74">
        <v>0.8162520422269568</v>
      </c>
      <c r="L77" s="282">
        <v>0.29271536715851298</v>
      </c>
      <c r="M77" s="283">
        <v>1.6431181381602857E-2</v>
      </c>
      <c r="N77" s="284">
        <v>0.34621844697327048</v>
      </c>
      <c r="O77" s="283">
        <v>1.7178374915871281E-2</v>
      </c>
      <c r="P77" s="72">
        <v>3060</v>
      </c>
      <c r="Q77" s="73">
        <v>67.505274883512257</v>
      </c>
      <c r="R77" s="74">
        <v>0.83634616757824976</v>
      </c>
      <c r="S77" s="282">
        <v>0.29417111152343217</v>
      </c>
      <c r="T77" s="283">
        <v>1.6468381423898948E-2</v>
      </c>
      <c r="U77" s="284">
        <v>0.36157106870562605</v>
      </c>
      <c r="V77" s="283">
        <v>1.7361440691875136E-2</v>
      </c>
      <c r="W77" s="72">
        <v>3053</v>
      </c>
      <c r="X77" s="73">
        <v>74.328463670839341</v>
      </c>
      <c r="Y77" s="74">
        <v>0.85314602524532646</v>
      </c>
      <c r="Z77" s="282">
        <v>0.21951279191872536</v>
      </c>
      <c r="AA77" s="283">
        <v>1.4981514047507544E-2</v>
      </c>
      <c r="AB77" s="284">
        <v>0.50498656747052362</v>
      </c>
      <c r="AC77" s="283">
        <v>1.8085509073183119E-2</v>
      </c>
      <c r="AD77" s="72">
        <v>3064</v>
      </c>
      <c r="AE77" s="73">
        <v>79.163310511610064</v>
      </c>
      <c r="AF77" s="74">
        <v>0.71111507790402928</v>
      </c>
      <c r="AG77" s="282">
        <v>0.14451124265522905</v>
      </c>
      <c r="AH77" s="283">
        <v>1.271270407686368E-2</v>
      </c>
      <c r="AI77" s="284">
        <v>0.57511145314553369</v>
      </c>
      <c r="AJ77" s="283">
        <v>1.7849617030417871E-2</v>
      </c>
      <c r="AK77" s="72">
        <v>3057</v>
      </c>
      <c r="AL77" s="73">
        <v>68.619798922081074</v>
      </c>
      <c r="AM77" s="74">
        <v>0.86332474036063167</v>
      </c>
      <c r="AN77" s="282">
        <v>0.30252514120603829</v>
      </c>
      <c r="AO77" s="283">
        <v>1.6609177918445794E-2</v>
      </c>
      <c r="AP77" s="284">
        <v>0.37984742328187437</v>
      </c>
      <c r="AQ77" s="283">
        <v>1.754635673488018E-2</v>
      </c>
      <c r="AR77" s="72">
        <v>3058</v>
      </c>
      <c r="AS77" s="73">
        <v>68.045019947965145</v>
      </c>
      <c r="AT77" s="74">
        <v>0.88829321497055191</v>
      </c>
      <c r="AU77" s="282">
        <v>0.30599118652463608</v>
      </c>
      <c r="AV77" s="283">
        <v>1.6659609651146729E-2</v>
      </c>
      <c r="AW77" s="284">
        <v>0.37318127577337656</v>
      </c>
      <c r="AX77" s="283">
        <v>1.7482248281364673E-2</v>
      </c>
    </row>
    <row r="78" spans="1:50">
      <c r="A78" s="43" t="s">
        <v>568</v>
      </c>
      <c r="B78" s="52">
        <v>8043</v>
      </c>
      <c r="C78" s="53">
        <v>70.9417180886485</v>
      </c>
      <c r="D78" s="54">
        <v>0.46983545070359034</v>
      </c>
      <c r="E78" s="276">
        <v>0.25042452783858865</v>
      </c>
      <c r="F78" s="285">
        <v>9.6611920458585052E-3</v>
      </c>
      <c r="G78" s="276">
        <v>0.39480964981990568</v>
      </c>
      <c r="H78" s="285">
        <v>1.0898403080234126E-2</v>
      </c>
      <c r="I78" s="52">
        <v>8036</v>
      </c>
      <c r="J78" s="53">
        <v>66.531849631347427</v>
      </c>
      <c r="K78" s="54">
        <v>0.51515957339710261</v>
      </c>
      <c r="L78" s="276">
        <v>0.31547616642401805</v>
      </c>
      <c r="M78" s="285">
        <v>1.0366056981517435E-2</v>
      </c>
      <c r="N78" s="276">
        <v>0.31986032036832973</v>
      </c>
      <c r="O78" s="285">
        <v>1.0404313510601124E-2</v>
      </c>
      <c r="P78" s="52">
        <v>8025</v>
      </c>
      <c r="Q78" s="53">
        <v>64.237378679938317</v>
      </c>
      <c r="R78" s="54">
        <v>0.53437464304496518</v>
      </c>
      <c r="S78" s="276">
        <v>0.35868786844363998</v>
      </c>
      <c r="T78" s="285">
        <v>1.0705602541398159E-2</v>
      </c>
      <c r="U78" s="276">
        <v>0.30044492387669031</v>
      </c>
      <c r="V78" s="285">
        <v>1.0233722545939966E-2</v>
      </c>
      <c r="W78" s="52">
        <v>8022</v>
      </c>
      <c r="X78" s="53">
        <v>71.379784000424522</v>
      </c>
      <c r="Y78" s="54">
        <v>0.54556326139625033</v>
      </c>
      <c r="Z78" s="276">
        <v>0.27318131448503941</v>
      </c>
      <c r="AA78" s="285">
        <v>9.9488988675205548E-3</v>
      </c>
      <c r="AB78" s="276">
        <v>0.45420660330387919</v>
      </c>
      <c r="AC78" s="285">
        <v>1.1115349142680919E-2</v>
      </c>
      <c r="AD78" s="52">
        <v>8032</v>
      </c>
      <c r="AE78" s="53">
        <v>73.013152852988711</v>
      </c>
      <c r="AF78" s="54">
        <v>0.48935715644800309</v>
      </c>
      <c r="AG78" s="276">
        <v>0.23450117712950364</v>
      </c>
      <c r="AH78" s="285">
        <v>9.4545237652542795E-3</v>
      </c>
      <c r="AI78" s="276">
        <v>0.46482488973081865</v>
      </c>
      <c r="AJ78" s="285">
        <v>1.1127657440260093E-2</v>
      </c>
      <c r="AK78" s="52">
        <v>8009</v>
      </c>
      <c r="AL78" s="53">
        <v>63.449314729934166</v>
      </c>
      <c r="AM78" s="54">
        <v>0.55695531694037792</v>
      </c>
      <c r="AN78" s="276">
        <v>0.3853216129603218</v>
      </c>
      <c r="AO78" s="285">
        <v>1.0873769304477768E-2</v>
      </c>
      <c r="AP78" s="276">
        <v>0.29090983522123925</v>
      </c>
      <c r="AQ78" s="285">
        <v>1.0148650299018465E-2</v>
      </c>
      <c r="AR78" s="52">
        <v>8014</v>
      </c>
      <c r="AS78" s="53">
        <v>62.694757925426032</v>
      </c>
      <c r="AT78" s="54">
        <v>0.57624246211057606</v>
      </c>
      <c r="AU78" s="276">
        <v>0.39351133748199196</v>
      </c>
      <c r="AV78" s="285">
        <v>1.091182090787123E-2</v>
      </c>
      <c r="AW78" s="276">
        <v>0.29582843411200949</v>
      </c>
      <c r="AX78" s="285">
        <v>1.019528827913823E-2</v>
      </c>
    </row>
    <row r="79" spans="1:50">
      <c r="A79" s="47" t="s">
        <v>569</v>
      </c>
      <c r="B79" s="72">
        <v>5429</v>
      </c>
      <c r="C79" s="73">
        <v>71.94527379274534</v>
      </c>
      <c r="D79" s="74">
        <v>0.53936930782259951</v>
      </c>
      <c r="E79" s="282">
        <v>0.23024755206368069</v>
      </c>
      <c r="F79" s="283">
        <v>1.142653048210613E-2</v>
      </c>
      <c r="G79" s="284">
        <v>0.40753628071562853</v>
      </c>
      <c r="H79" s="283">
        <v>1.3333233343072301E-2</v>
      </c>
      <c r="I79" s="72">
        <v>5422</v>
      </c>
      <c r="J79" s="73">
        <v>67.898565719750323</v>
      </c>
      <c r="K79" s="74">
        <v>0.60386808289406269</v>
      </c>
      <c r="L79" s="282">
        <v>0.28408580959013269</v>
      </c>
      <c r="M79" s="283">
        <v>1.2246689411612215E-2</v>
      </c>
      <c r="N79" s="284">
        <v>0.33498996865310227</v>
      </c>
      <c r="O79" s="283">
        <v>1.2816198160069982E-2</v>
      </c>
      <c r="P79" s="72">
        <v>5411</v>
      </c>
      <c r="Q79" s="73">
        <v>66.49785835459528</v>
      </c>
      <c r="R79" s="74">
        <v>0.62320946261764432</v>
      </c>
      <c r="S79" s="282">
        <v>0.32013103675616705</v>
      </c>
      <c r="T79" s="283">
        <v>1.2681041630119258E-2</v>
      </c>
      <c r="U79" s="284">
        <v>0.3372294210497796</v>
      </c>
      <c r="V79" s="283">
        <v>1.2850295524618329E-2</v>
      </c>
      <c r="W79" s="72">
        <v>5402</v>
      </c>
      <c r="X79" s="73">
        <v>70.801126687150074</v>
      </c>
      <c r="Y79" s="74">
        <v>0.66728324393403393</v>
      </c>
      <c r="Z79" s="282">
        <v>0.27222973725514354</v>
      </c>
      <c r="AA79" s="283">
        <v>1.2109912589216426E-2</v>
      </c>
      <c r="AB79" s="284">
        <v>0.44559957299965819</v>
      </c>
      <c r="AC79" s="283">
        <v>1.3520102498089633E-2</v>
      </c>
      <c r="AD79" s="72">
        <v>5420</v>
      </c>
      <c r="AE79" s="73">
        <v>75.106571354549757</v>
      </c>
      <c r="AF79" s="74">
        <v>0.54580570111654669</v>
      </c>
      <c r="AG79" s="282">
        <v>0.20380889624001849</v>
      </c>
      <c r="AH79" s="283">
        <v>1.0943680454318771E-2</v>
      </c>
      <c r="AI79" s="284">
        <v>0.49837972470990055</v>
      </c>
      <c r="AJ79" s="283">
        <v>1.3578064976621031E-2</v>
      </c>
      <c r="AK79" s="72">
        <v>5419</v>
      </c>
      <c r="AL79" s="73">
        <v>64.86410121207237</v>
      </c>
      <c r="AM79" s="74">
        <v>0.64617624245953198</v>
      </c>
      <c r="AN79" s="282">
        <v>0.36112298661997172</v>
      </c>
      <c r="AO79" s="283">
        <v>1.3045873375691975E-2</v>
      </c>
      <c r="AP79" s="284">
        <v>0.29931196456301107</v>
      </c>
      <c r="AQ79" s="283">
        <v>1.2439303647319254E-2</v>
      </c>
      <c r="AR79" s="72">
        <v>5418</v>
      </c>
      <c r="AS79" s="73">
        <v>66.75891654977471</v>
      </c>
      <c r="AT79" s="74">
        <v>0.65790085383045915</v>
      </c>
      <c r="AU79" s="282">
        <v>0.33380792606798926</v>
      </c>
      <c r="AV79" s="283">
        <v>1.2809673692959572E-2</v>
      </c>
      <c r="AW79" s="284">
        <v>0.34645042609971888</v>
      </c>
      <c r="AX79" s="283">
        <v>1.2925382523422173E-2</v>
      </c>
    </row>
    <row r="80" spans="1:50">
      <c r="A80" s="55" t="s">
        <v>570</v>
      </c>
      <c r="B80" s="69">
        <v>1655</v>
      </c>
      <c r="C80" s="70">
        <v>69.50859966895176</v>
      </c>
      <c r="D80" s="71">
        <v>1.051110284194561</v>
      </c>
      <c r="E80" s="279">
        <v>0.28942073080267738</v>
      </c>
      <c r="F80" s="280">
        <v>2.2279389115972364E-2</v>
      </c>
      <c r="G80" s="281">
        <v>0.32679104217002203</v>
      </c>
      <c r="H80" s="280">
        <v>2.3038775630125949E-2</v>
      </c>
      <c r="I80" s="69">
        <v>1657</v>
      </c>
      <c r="J80" s="70">
        <v>68.733484186132799</v>
      </c>
      <c r="K80" s="71">
        <v>1.1557204556068108</v>
      </c>
      <c r="L80" s="279">
        <v>0.29903974799139865</v>
      </c>
      <c r="M80" s="280">
        <v>2.2477991234505525E-2</v>
      </c>
      <c r="N80" s="281">
        <v>0.34141749186399162</v>
      </c>
      <c r="O80" s="280">
        <v>2.3276086410686569E-2</v>
      </c>
      <c r="P80" s="69">
        <v>1648</v>
      </c>
      <c r="Q80" s="70">
        <v>62.916325052631763</v>
      </c>
      <c r="R80" s="71">
        <v>1.2078355929711007</v>
      </c>
      <c r="S80" s="279">
        <v>0.3886893853756837</v>
      </c>
      <c r="T80" s="280">
        <v>2.3988994383812041E-2</v>
      </c>
      <c r="U80" s="281">
        <v>0.26808272795042021</v>
      </c>
      <c r="V80" s="280">
        <v>2.1811126658823895E-2</v>
      </c>
      <c r="W80" s="69">
        <v>1646</v>
      </c>
      <c r="X80" s="70">
        <v>68.576472608837193</v>
      </c>
      <c r="Y80" s="71">
        <v>1.2538556434325911</v>
      </c>
      <c r="Z80" s="279">
        <v>0.31790888170839193</v>
      </c>
      <c r="AA80" s="280">
        <v>2.2936190370232385E-2</v>
      </c>
      <c r="AB80" s="281">
        <v>0.38479743992354437</v>
      </c>
      <c r="AC80" s="280">
        <v>2.395918951689064E-2</v>
      </c>
      <c r="AD80" s="69">
        <v>1651</v>
      </c>
      <c r="AE80" s="70">
        <v>71.391377461434217</v>
      </c>
      <c r="AF80" s="71">
        <v>1.1427599836551241</v>
      </c>
      <c r="AG80" s="279">
        <v>0.27353952771393242</v>
      </c>
      <c r="AH80" s="280">
        <v>2.1928929702187735E-2</v>
      </c>
      <c r="AI80" s="281">
        <v>0.41126570155045195</v>
      </c>
      <c r="AJ80" s="280">
        <v>2.4192792556399039E-2</v>
      </c>
      <c r="AK80" s="69">
        <v>1632</v>
      </c>
      <c r="AL80" s="70">
        <v>59.942211605188888</v>
      </c>
      <c r="AM80" s="71">
        <v>1.252932349309221</v>
      </c>
      <c r="AN80" s="279">
        <v>0.45049816869181553</v>
      </c>
      <c r="AO80" s="280">
        <v>2.4602539107919871E-2</v>
      </c>
      <c r="AP80" s="281">
        <v>0.23017125786374515</v>
      </c>
      <c r="AQ80" s="280">
        <v>2.0835133590308443E-2</v>
      </c>
      <c r="AR80" s="69">
        <v>1636</v>
      </c>
      <c r="AS80" s="70">
        <v>63.360806916940412</v>
      </c>
      <c r="AT80" s="71">
        <v>1.2409506714138314</v>
      </c>
      <c r="AU80" s="279">
        <v>0.38901080791356435</v>
      </c>
      <c r="AV80" s="280">
        <v>2.4080222463421692E-2</v>
      </c>
      <c r="AW80" s="281">
        <v>0.27110736788144391</v>
      </c>
      <c r="AX80" s="280">
        <v>2.1968015620717509E-2</v>
      </c>
    </row>
    <row r="81" spans="1:50">
      <c r="A81" s="47" t="s">
        <v>571</v>
      </c>
      <c r="B81" s="72">
        <v>3644</v>
      </c>
      <c r="C81" s="73">
        <v>68.654796882143302</v>
      </c>
      <c r="D81" s="74">
        <v>0.69193252681918205</v>
      </c>
      <c r="E81" s="282">
        <v>0.28257428270646157</v>
      </c>
      <c r="F81" s="283">
        <v>1.491311354632914E-2</v>
      </c>
      <c r="G81" s="284">
        <v>0.3371752456850553</v>
      </c>
      <c r="H81" s="283">
        <v>1.5656195442883498E-2</v>
      </c>
      <c r="I81" s="72">
        <v>3639</v>
      </c>
      <c r="J81" s="73">
        <v>65.993663005901496</v>
      </c>
      <c r="K81" s="74">
        <v>0.74871787355633612</v>
      </c>
      <c r="L81" s="282">
        <v>0.31784154338166304</v>
      </c>
      <c r="M81" s="283">
        <v>1.5431967471195006E-2</v>
      </c>
      <c r="N81" s="284">
        <v>0.29631213104001436</v>
      </c>
      <c r="O81" s="283">
        <v>1.5134217383559219E-2</v>
      </c>
      <c r="P81" s="72">
        <v>3638</v>
      </c>
      <c r="Q81" s="73">
        <v>62.962178225567115</v>
      </c>
      <c r="R81" s="74">
        <v>0.77508468388231455</v>
      </c>
      <c r="S81" s="282">
        <v>0.37933267887299721</v>
      </c>
      <c r="T81" s="283">
        <v>1.6081593292709154E-2</v>
      </c>
      <c r="U81" s="284">
        <v>0.26046233667496532</v>
      </c>
      <c r="V81" s="283">
        <v>1.4549718790488752E-2</v>
      </c>
      <c r="W81" s="72">
        <v>3632</v>
      </c>
      <c r="X81" s="73">
        <v>68.803377930193378</v>
      </c>
      <c r="Y81" s="74">
        <v>0.82087599138130529</v>
      </c>
      <c r="Z81" s="282">
        <v>0.29988067824428244</v>
      </c>
      <c r="AA81" s="283">
        <v>1.5200903309619701E-2</v>
      </c>
      <c r="AB81" s="284">
        <v>0.39285812955467669</v>
      </c>
      <c r="AC81" s="283">
        <v>1.6199589248593868E-2</v>
      </c>
      <c r="AD81" s="72">
        <v>3641</v>
      </c>
      <c r="AE81" s="73">
        <v>71.82323001718251</v>
      </c>
      <c r="AF81" s="74">
        <v>0.72137508654577931</v>
      </c>
      <c r="AG81" s="282">
        <v>0.24377362843083072</v>
      </c>
      <c r="AH81" s="283">
        <v>1.4228858772904959E-2</v>
      </c>
      <c r="AI81" s="284">
        <v>0.43467866043935566</v>
      </c>
      <c r="AJ81" s="283">
        <v>1.6421822355952805E-2</v>
      </c>
      <c r="AK81" s="72">
        <v>3630</v>
      </c>
      <c r="AL81" s="73">
        <v>61.034453497360559</v>
      </c>
      <c r="AM81" s="74">
        <v>0.79368445375305741</v>
      </c>
      <c r="AN81" s="282">
        <v>0.42156019703455627</v>
      </c>
      <c r="AO81" s="283">
        <v>1.6383567442481317E-2</v>
      </c>
      <c r="AP81" s="284">
        <v>0.22760900607447968</v>
      </c>
      <c r="AQ81" s="283">
        <v>1.3917217148781504E-2</v>
      </c>
      <c r="AR81" s="72">
        <v>3630</v>
      </c>
      <c r="AS81" s="73">
        <v>61.303352700475664</v>
      </c>
      <c r="AT81" s="74">
        <v>0.82389938711584065</v>
      </c>
      <c r="AU81" s="282">
        <v>0.41425862484572762</v>
      </c>
      <c r="AV81" s="283">
        <v>1.6343337140432113E-2</v>
      </c>
      <c r="AW81" s="284">
        <v>0.25715350833288009</v>
      </c>
      <c r="AX81" s="283">
        <v>1.4505434737376094E-2</v>
      </c>
    </row>
    <row r="82" spans="1:50">
      <c r="A82" s="55" t="s">
        <v>572</v>
      </c>
      <c r="B82" s="69">
        <v>4125</v>
      </c>
      <c r="C82" s="70">
        <v>70.583435111111442</v>
      </c>
      <c r="D82" s="71">
        <v>0.65463964719086842</v>
      </c>
      <c r="E82" s="279">
        <v>0.24624780888536235</v>
      </c>
      <c r="F82" s="280">
        <v>1.3413863124258902E-2</v>
      </c>
      <c r="G82" s="281">
        <v>0.4100966911544206</v>
      </c>
      <c r="H82" s="280">
        <v>1.5309293613825074E-2</v>
      </c>
      <c r="I82" s="69">
        <v>4117</v>
      </c>
      <c r="J82" s="70">
        <v>65.581693532922628</v>
      </c>
      <c r="K82" s="71">
        <v>0.71799259083565414</v>
      </c>
      <c r="L82" s="279">
        <v>0.32261250916756379</v>
      </c>
      <c r="M82" s="280">
        <v>1.456627602584671E-2</v>
      </c>
      <c r="N82" s="281">
        <v>0.31350081893016146</v>
      </c>
      <c r="O82" s="280">
        <v>1.4455600015609358E-2</v>
      </c>
      <c r="P82" s="69">
        <v>4125</v>
      </c>
      <c r="Q82" s="70">
        <v>64.481330886891854</v>
      </c>
      <c r="R82" s="71">
        <v>0.7421881545913781</v>
      </c>
      <c r="S82" s="279">
        <v>0.3442961417961643</v>
      </c>
      <c r="T82" s="280">
        <v>1.4790152651632249E-2</v>
      </c>
      <c r="U82" s="281">
        <v>0.32591568563783219</v>
      </c>
      <c r="V82" s="280">
        <v>1.4590672069154487E-2</v>
      </c>
      <c r="W82" s="69">
        <v>4110</v>
      </c>
      <c r="X82" s="70">
        <v>70.692263075200515</v>
      </c>
      <c r="Y82" s="71">
        <v>0.78386514137281571</v>
      </c>
      <c r="Z82" s="279">
        <v>0.28313728731597815</v>
      </c>
      <c r="AA82" s="280">
        <v>1.405115910892135E-2</v>
      </c>
      <c r="AB82" s="281">
        <v>0.46719702820285663</v>
      </c>
      <c r="AC82" s="280">
        <v>1.5557257190699577E-2</v>
      </c>
      <c r="AD82" s="69">
        <v>4120</v>
      </c>
      <c r="AE82" s="70">
        <v>74.146355837325174</v>
      </c>
      <c r="AF82" s="71">
        <v>0.66243668286603685</v>
      </c>
      <c r="AG82" s="279">
        <v>0.2183928409465215</v>
      </c>
      <c r="AH82" s="280">
        <v>1.2872996331597115E-2</v>
      </c>
      <c r="AI82" s="281">
        <v>0.49286384110814813</v>
      </c>
      <c r="AJ82" s="280">
        <v>1.5570283504009682E-2</v>
      </c>
      <c r="AK82" s="69">
        <v>4120</v>
      </c>
      <c r="AL82" s="70">
        <v>64.055778700096539</v>
      </c>
      <c r="AM82" s="71">
        <v>0.77769629623884562</v>
      </c>
      <c r="AN82" s="279">
        <v>0.36429642674348728</v>
      </c>
      <c r="AO82" s="280">
        <v>1.4988526047180669E-2</v>
      </c>
      <c r="AP82" s="281">
        <v>0.31036781998566298</v>
      </c>
      <c r="AQ82" s="280">
        <v>1.4410813400578128E-2</v>
      </c>
      <c r="AR82" s="69">
        <v>4114</v>
      </c>
      <c r="AS82" s="70">
        <v>62.569748351182412</v>
      </c>
      <c r="AT82" s="71">
        <v>0.82407966664535148</v>
      </c>
      <c r="AU82" s="279">
        <v>0.3951142684793803</v>
      </c>
      <c r="AV82" s="280">
        <v>1.5237168090525157E-2</v>
      </c>
      <c r="AW82" s="281">
        <v>0.31378184711274282</v>
      </c>
      <c r="AX82" s="280">
        <v>1.4464376829835536E-2</v>
      </c>
    </row>
    <row r="83" spans="1:50">
      <c r="A83" s="47" t="s">
        <v>573</v>
      </c>
      <c r="B83" s="72">
        <v>3979</v>
      </c>
      <c r="C83" s="73">
        <v>78.932183828273594</v>
      </c>
      <c r="D83" s="74">
        <v>0.56928599551346348</v>
      </c>
      <c r="E83" s="282">
        <v>0.11735180329231353</v>
      </c>
      <c r="F83" s="283">
        <v>1.0213601179627616E-2</v>
      </c>
      <c r="G83" s="284">
        <v>0.5704246936161117</v>
      </c>
      <c r="H83" s="283">
        <v>1.5687454481472265E-2</v>
      </c>
      <c r="I83" s="72">
        <v>3978</v>
      </c>
      <c r="J83" s="73">
        <v>69.783332788743238</v>
      </c>
      <c r="K83" s="74">
        <v>0.69921577742861618</v>
      </c>
      <c r="L83" s="282">
        <v>0.24302559818199881</v>
      </c>
      <c r="M83" s="283">
        <v>1.3598858007109527E-2</v>
      </c>
      <c r="N83" s="284">
        <v>0.38433288431597312</v>
      </c>
      <c r="O83" s="283">
        <v>1.5418096940819356E-2</v>
      </c>
      <c r="P83" s="72">
        <v>3960</v>
      </c>
      <c r="Q83" s="73">
        <v>72.621147848177301</v>
      </c>
      <c r="R83" s="74">
        <v>0.68964941298040494</v>
      </c>
      <c r="S83" s="282">
        <v>0.21907304299862987</v>
      </c>
      <c r="T83" s="283">
        <v>1.3145127893126093E-2</v>
      </c>
      <c r="U83" s="284">
        <v>0.45227830947953812</v>
      </c>
      <c r="V83" s="283">
        <v>1.5810661822472476E-2</v>
      </c>
      <c r="W83" s="72">
        <v>3969</v>
      </c>
      <c r="X83" s="73">
        <v>77.708149455571174</v>
      </c>
      <c r="Y83" s="74">
        <v>0.70161273228218091</v>
      </c>
      <c r="Z83" s="282">
        <v>0.17358471862946664</v>
      </c>
      <c r="AA83" s="283">
        <v>1.2026796916292987E-2</v>
      </c>
      <c r="AB83" s="284">
        <v>0.58445537470399755</v>
      </c>
      <c r="AC83" s="283">
        <v>1.5637526576247063E-2</v>
      </c>
      <c r="AD83" s="72">
        <v>3974</v>
      </c>
      <c r="AE83" s="73">
        <v>80.204980546006439</v>
      </c>
      <c r="AF83" s="74">
        <v>0.58968524185804527</v>
      </c>
      <c r="AG83" s="282">
        <v>0.12820884112761047</v>
      </c>
      <c r="AH83" s="283">
        <v>1.0614558841764276E-2</v>
      </c>
      <c r="AI83" s="284">
        <v>0.61279664423633473</v>
      </c>
      <c r="AJ83" s="283">
        <v>1.5447163910552539E-2</v>
      </c>
      <c r="AK83" s="72">
        <v>3979</v>
      </c>
      <c r="AL83" s="73">
        <v>73.288427272786748</v>
      </c>
      <c r="AM83" s="74">
        <v>0.6985974572833864</v>
      </c>
      <c r="AN83" s="282">
        <v>0.23182504446035979</v>
      </c>
      <c r="AO83" s="283">
        <v>1.337861226335584E-2</v>
      </c>
      <c r="AP83" s="284">
        <v>0.45007195090527752</v>
      </c>
      <c r="AQ83" s="283">
        <v>1.576605882569454E-2</v>
      </c>
      <c r="AR83" s="72">
        <v>3985</v>
      </c>
      <c r="AS83" s="73">
        <v>74.187738299886291</v>
      </c>
      <c r="AT83" s="74">
        <v>0.70929885697340156</v>
      </c>
      <c r="AU83" s="282">
        <v>0.21905628087344398</v>
      </c>
      <c r="AV83" s="283">
        <v>1.3103473553835876E-2</v>
      </c>
      <c r="AW83" s="284">
        <v>0.48253942449687609</v>
      </c>
      <c r="AX83" s="283">
        <v>1.5823536148282576E-2</v>
      </c>
    </row>
    <row r="84" spans="1:50">
      <c r="A84" s="55" t="s">
        <v>579</v>
      </c>
      <c r="B84" s="69">
        <v>9625</v>
      </c>
      <c r="C84" s="70">
        <v>71.173594618282408</v>
      </c>
      <c r="D84" s="71">
        <v>0.4255852220812405</v>
      </c>
      <c r="E84" s="279">
        <v>0.24278741506348581</v>
      </c>
      <c r="F84" s="280">
        <v>8.7402992082569308E-3</v>
      </c>
      <c r="G84" s="281">
        <v>0.40137491873549136</v>
      </c>
      <c r="H84" s="280">
        <v>9.9907771990727801E-3</v>
      </c>
      <c r="I84" s="69">
        <v>9625</v>
      </c>
      <c r="J84" s="70">
        <v>66.379497060153184</v>
      </c>
      <c r="K84" s="71">
        <v>0.46911623659188917</v>
      </c>
      <c r="L84" s="279">
        <v>0.31633305269610951</v>
      </c>
      <c r="M84" s="280">
        <v>9.4789910581766258E-3</v>
      </c>
      <c r="N84" s="281">
        <v>0.32128966849163881</v>
      </c>
      <c r="O84" s="280">
        <v>9.518235118100335E-3</v>
      </c>
      <c r="P84" s="69">
        <v>9610</v>
      </c>
      <c r="Q84" s="70">
        <v>65.09632184288877</v>
      </c>
      <c r="R84" s="71">
        <v>0.48826973780834165</v>
      </c>
      <c r="S84" s="279">
        <v>0.34272195799821648</v>
      </c>
      <c r="T84" s="280">
        <v>9.6815145127398423E-3</v>
      </c>
      <c r="U84" s="281">
        <v>0.31990117443871119</v>
      </c>
      <c r="V84" s="280">
        <v>9.5147810232486339E-3</v>
      </c>
      <c r="W84" s="69">
        <v>9597</v>
      </c>
      <c r="X84" s="70">
        <v>70.90498726821663</v>
      </c>
      <c r="Y84" s="71">
        <v>0.50556492523668717</v>
      </c>
      <c r="Z84" s="279">
        <v>0.27657131201799567</v>
      </c>
      <c r="AA84" s="280">
        <v>9.1309995098267944E-3</v>
      </c>
      <c r="AB84" s="281">
        <v>0.45511120424173518</v>
      </c>
      <c r="AC84" s="280">
        <v>1.0164497966902183E-2</v>
      </c>
      <c r="AD84" s="69">
        <v>9616</v>
      </c>
      <c r="AE84" s="70">
        <v>73.881970947991533</v>
      </c>
      <c r="AF84" s="71">
        <v>0.44185612307623523</v>
      </c>
      <c r="AG84" s="279">
        <v>0.22449936461540101</v>
      </c>
      <c r="AH84" s="280">
        <v>8.5098085948603734E-3</v>
      </c>
      <c r="AI84" s="281">
        <v>0.487121723178501</v>
      </c>
      <c r="AJ84" s="280">
        <v>1.0192212751952248E-2</v>
      </c>
      <c r="AK84" s="69">
        <v>9593</v>
      </c>
      <c r="AL84" s="70">
        <v>64.151913122213529</v>
      </c>
      <c r="AM84" s="71">
        <v>0.50459584961888448</v>
      </c>
      <c r="AN84" s="279">
        <v>0.37267042712230392</v>
      </c>
      <c r="AO84" s="280">
        <v>9.8715453348800514E-3</v>
      </c>
      <c r="AP84" s="281">
        <v>0.2981698328359732</v>
      </c>
      <c r="AQ84" s="280">
        <v>9.3399669783315511E-3</v>
      </c>
      <c r="AR84" s="69">
        <v>9594</v>
      </c>
      <c r="AS84" s="70">
        <v>64.025790000000185</v>
      </c>
      <c r="AT84" s="71">
        <v>0.52463758164948893</v>
      </c>
      <c r="AU84" s="279">
        <v>0.37344569318722115</v>
      </c>
      <c r="AV84" s="280">
        <v>9.8751817218312166E-3</v>
      </c>
      <c r="AW84" s="281">
        <v>0.31573039607495035</v>
      </c>
      <c r="AX84" s="280">
        <v>9.489424678092967E-3</v>
      </c>
    </row>
    <row r="85" spans="1:50">
      <c r="A85" s="47" t="s">
        <v>585</v>
      </c>
      <c r="B85" s="72">
        <v>1552</v>
      </c>
      <c r="C85" s="73">
        <v>73.207528898001627</v>
      </c>
      <c r="D85" s="74">
        <v>0.98396643710958476</v>
      </c>
      <c r="E85" s="282">
        <v>0.21661347088523375</v>
      </c>
      <c r="F85" s="283">
        <v>2.0911395807063155E-2</v>
      </c>
      <c r="G85" s="284">
        <v>0.42413847709432034</v>
      </c>
      <c r="H85" s="283">
        <v>2.5059034660592207E-2</v>
      </c>
      <c r="I85" s="72">
        <v>1545</v>
      </c>
      <c r="J85" s="73">
        <v>68.049205615582224</v>
      </c>
      <c r="K85" s="74">
        <v>1.1249652247705944</v>
      </c>
      <c r="L85" s="282">
        <v>0.28037698975563385</v>
      </c>
      <c r="M85" s="283">
        <v>2.2839972859711948E-2</v>
      </c>
      <c r="N85" s="284">
        <v>0.32418804239209104</v>
      </c>
      <c r="O85" s="283">
        <v>2.3794340871370109E-2</v>
      </c>
      <c r="P85" s="72">
        <v>1551</v>
      </c>
      <c r="Q85" s="73">
        <v>66.077979060179359</v>
      </c>
      <c r="R85" s="74">
        <v>1.1604524971169998</v>
      </c>
      <c r="S85" s="282">
        <v>0.33570970205362904</v>
      </c>
      <c r="T85" s="283">
        <v>2.395855915254462E-2</v>
      </c>
      <c r="U85" s="284">
        <v>0.32107131718155474</v>
      </c>
      <c r="V85" s="283">
        <v>2.368871137946436E-2</v>
      </c>
      <c r="W85" s="72">
        <v>1551</v>
      </c>
      <c r="X85" s="73">
        <v>72.087102043296113</v>
      </c>
      <c r="Y85" s="74">
        <v>1.2108174721293461</v>
      </c>
      <c r="Z85" s="282">
        <v>0.25819433334896413</v>
      </c>
      <c r="AA85" s="283">
        <v>2.2213836125739444E-2</v>
      </c>
      <c r="AB85" s="284">
        <v>0.44316661438931393</v>
      </c>
      <c r="AC85" s="283">
        <v>2.5195649215793293E-2</v>
      </c>
      <c r="AD85" s="72">
        <v>1548</v>
      </c>
      <c r="AE85" s="73">
        <v>75.067097110034268</v>
      </c>
      <c r="AF85" s="74">
        <v>1.0363693771430178</v>
      </c>
      <c r="AG85" s="282">
        <v>0.20188596086000643</v>
      </c>
      <c r="AH85" s="283">
        <v>2.0407291773435379E-2</v>
      </c>
      <c r="AI85" s="284">
        <v>0.4906094512412606</v>
      </c>
      <c r="AJ85" s="283">
        <v>2.5379200000630431E-2</v>
      </c>
      <c r="AK85" s="72">
        <v>1548</v>
      </c>
      <c r="AL85" s="73">
        <v>64.454033644384808</v>
      </c>
      <c r="AM85" s="74">
        <v>1.2448638626999857</v>
      </c>
      <c r="AN85" s="282">
        <v>0.36749699119589657</v>
      </c>
      <c r="AO85" s="283">
        <v>2.4480864412141024E-2</v>
      </c>
      <c r="AP85" s="284">
        <v>0.29568908630758367</v>
      </c>
      <c r="AQ85" s="283">
        <v>2.3179707125916726E-2</v>
      </c>
      <c r="AR85" s="72">
        <v>1551</v>
      </c>
      <c r="AS85" s="73">
        <v>66.233357944135463</v>
      </c>
      <c r="AT85" s="74">
        <v>1.2377520584338875</v>
      </c>
      <c r="AU85" s="282">
        <v>0.33069149444144563</v>
      </c>
      <c r="AV85" s="283">
        <v>2.3868984023265271E-2</v>
      </c>
      <c r="AW85" s="284">
        <v>0.34806031713131352</v>
      </c>
      <c r="AX85" s="283">
        <v>2.416624888409892E-2</v>
      </c>
    </row>
    <row r="86" spans="1:50" s="5" customFormat="1">
      <c r="A86" s="55" t="s">
        <v>586</v>
      </c>
      <c r="B86" s="69">
        <v>917</v>
      </c>
      <c r="C86" s="70">
        <v>70.251664072572297</v>
      </c>
      <c r="D86" s="71">
        <v>1.3536319767999458</v>
      </c>
      <c r="E86" s="279">
        <v>0.26716321111895547</v>
      </c>
      <c r="F86" s="280">
        <v>2.9195281134258198E-2</v>
      </c>
      <c r="G86" s="281">
        <v>0.36789544134981061</v>
      </c>
      <c r="H86" s="280">
        <v>3.1790549938084479E-2</v>
      </c>
      <c r="I86" s="69">
        <v>912</v>
      </c>
      <c r="J86" s="70">
        <v>71.137762603354645</v>
      </c>
      <c r="K86" s="71">
        <v>1.3489691135594364</v>
      </c>
      <c r="L86" s="279">
        <v>0.22140395446094335</v>
      </c>
      <c r="M86" s="280">
        <v>2.7490421533231047E-2</v>
      </c>
      <c r="N86" s="281">
        <v>0.36777867314085427</v>
      </c>
      <c r="O86" s="280">
        <v>3.187515717970528E-2</v>
      </c>
      <c r="P86" s="69">
        <v>913</v>
      </c>
      <c r="Q86" s="70">
        <v>65.835407605069989</v>
      </c>
      <c r="R86" s="71">
        <v>1.4643250148140823</v>
      </c>
      <c r="S86" s="279">
        <v>0.32658558751757483</v>
      </c>
      <c r="T86" s="280">
        <v>3.0991554437932802E-2</v>
      </c>
      <c r="U86" s="281">
        <v>0.30101931170898683</v>
      </c>
      <c r="V86" s="280">
        <v>3.032009158367455E-2</v>
      </c>
      <c r="W86" s="69">
        <v>909</v>
      </c>
      <c r="X86" s="70">
        <v>70.701675942108892</v>
      </c>
      <c r="Y86" s="71">
        <v>1.6111453407304697</v>
      </c>
      <c r="Z86" s="279">
        <v>0.27135077770284943</v>
      </c>
      <c r="AA86" s="280">
        <v>2.9465975546495569E-2</v>
      </c>
      <c r="AB86" s="281">
        <v>0.41918609433997855</v>
      </c>
      <c r="AC86" s="280">
        <v>3.2663856919878012E-2</v>
      </c>
      <c r="AD86" s="69">
        <v>912</v>
      </c>
      <c r="AE86" s="70">
        <v>73.660852143561698</v>
      </c>
      <c r="AF86" s="71">
        <v>1.3536688034433899</v>
      </c>
      <c r="AG86" s="279">
        <v>0.20796687419731119</v>
      </c>
      <c r="AH86" s="280">
        <v>2.687995794687454E-2</v>
      </c>
      <c r="AI86" s="281">
        <v>0.43545410945256369</v>
      </c>
      <c r="AJ86" s="280">
        <v>3.2766884333914795E-2</v>
      </c>
      <c r="AK86" s="69">
        <v>913</v>
      </c>
      <c r="AL86" s="70">
        <v>62.80019036790523</v>
      </c>
      <c r="AM86" s="71">
        <v>1.5796066701961988</v>
      </c>
      <c r="AN86" s="279">
        <v>0.3994274411538854</v>
      </c>
      <c r="AO86" s="280">
        <v>3.2353905228316486E-2</v>
      </c>
      <c r="AP86" s="281">
        <v>0.26650494096802319</v>
      </c>
      <c r="AQ86" s="280">
        <v>2.9236348022827739E-2</v>
      </c>
      <c r="AR86" s="69">
        <v>913</v>
      </c>
      <c r="AS86" s="70">
        <v>66.278370771320155</v>
      </c>
      <c r="AT86" s="71">
        <v>1.5501612030976393</v>
      </c>
      <c r="AU86" s="279">
        <v>0.35288737549483296</v>
      </c>
      <c r="AV86" s="280">
        <v>3.1574203126504961E-2</v>
      </c>
      <c r="AW86" s="281">
        <v>0.30935512547478866</v>
      </c>
      <c r="AX86" s="280">
        <v>3.0550808406447558E-2</v>
      </c>
    </row>
    <row r="87" spans="1:50" s="5" customFormat="1">
      <c r="A87" s="47" t="s">
        <v>584</v>
      </c>
      <c r="B87" s="72">
        <v>308</v>
      </c>
      <c r="C87" s="73">
        <v>63.956934689401592</v>
      </c>
      <c r="D87" s="74">
        <v>2.6084249856170483</v>
      </c>
      <c r="E87" s="282">
        <v>0.41134605950686642</v>
      </c>
      <c r="F87" s="283">
        <v>5.5739862040651338E-2</v>
      </c>
      <c r="G87" s="284">
        <v>0.33324710139263142</v>
      </c>
      <c r="H87" s="283">
        <v>5.3457614206485295E-2</v>
      </c>
      <c r="I87" s="72">
        <v>308</v>
      </c>
      <c r="J87" s="73">
        <v>60.789005651208093</v>
      </c>
      <c r="K87" s="74">
        <v>2.8238981753091763</v>
      </c>
      <c r="L87" s="282">
        <v>0.41893728765855692</v>
      </c>
      <c r="M87" s="283">
        <v>5.588406588672374E-2</v>
      </c>
      <c r="N87" s="284">
        <v>0.28846196053718637</v>
      </c>
      <c r="O87" s="283">
        <v>5.1439745204463094E-2</v>
      </c>
      <c r="P87" s="72">
        <v>306</v>
      </c>
      <c r="Q87" s="73">
        <v>62.163398450798823</v>
      </c>
      <c r="R87" s="74">
        <v>2.7930703685428044</v>
      </c>
      <c r="S87" s="282">
        <v>0.41960292706527619</v>
      </c>
      <c r="T87" s="283">
        <v>5.6076219948655678E-2</v>
      </c>
      <c r="U87" s="284">
        <v>0.29125237669336568</v>
      </c>
      <c r="V87" s="283">
        <v>5.1748985412641411E-2</v>
      </c>
      <c r="W87" s="72">
        <v>306</v>
      </c>
      <c r="X87" s="73">
        <v>65.507958198916313</v>
      </c>
      <c r="Y87" s="74">
        <v>3.0080889734352709</v>
      </c>
      <c r="Z87" s="282">
        <v>0.37505125810683454</v>
      </c>
      <c r="AA87" s="283">
        <v>5.5041111643920552E-2</v>
      </c>
      <c r="AB87" s="284">
        <v>0.38877590588964572</v>
      </c>
      <c r="AC87" s="283">
        <v>5.5410071014690976E-2</v>
      </c>
      <c r="AD87" s="72">
        <v>308</v>
      </c>
      <c r="AE87" s="73">
        <v>69.768090103435782</v>
      </c>
      <c r="AF87" s="74">
        <v>2.8175949048309423</v>
      </c>
      <c r="AG87" s="282">
        <v>0.31156761360536672</v>
      </c>
      <c r="AH87" s="283">
        <v>5.2550077401342765E-2</v>
      </c>
      <c r="AI87" s="284">
        <v>0.39494938906917332</v>
      </c>
      <c r="AJ87" s="283">
        <v>5.5382761383417953E-2</v>
      </c>
      <c r="AK87" s="72">
        <v>307</v>
      </c>
      <c r="AL87" s="73">
        <v>59.749375991488002</v>
      </c>
      <c r="AM87" s="74">
        <v>3.1117243337348444</v>
      </c>
      <c r="AN87" s="282">
        <v>0.46597274747478035</v>
      </c>
      <c r="AO87" s="283">
        <v>5.6576697346149403E-2</v>
      </c>
      <c r="AP87" s="284">
        <v>0.29294590594970282</v>
      </c>
      <c r="AQ87" s="283">
        <v>5.1750615374365094E-2</v>
      </c>
      <c r="AR87" s="72">
        <v>306</v>
      </c>
      <c r="AS87" s="73">
        <v>57.871453647715974</v>
      </c>
      <c r="AT87" s="74">
        <v>3.1421191457961757</v>
      </c>
      <c r="AU87" s="282">
        <v>0.48880627387398723</v>
      </c>
      <c r="AV87" s="283">
        <v>5.6782313599138788E-2</v>
      </c>
      <c r="AW87" s="284">
        <v>0.25697930170010319</v>
      </c>
      <c r="AX87" s="283">
        <v>4.9832650526430461E-2</v>
      </c>
    </row>
    <row r="88" spans="1:50" s="5" customFormat="1">
      <c r="A88" s="55" t="s">
        <v>587</v>
      </c>
      <c r="B88" s="69">
        <v>13058</v>
      </c>
      <c r="C88" s="70">
        <v>71.617964372311434</v>
      </c>
      <c r="D88" s="71">
        <v>0.35845215757366367</v>
      </c>
      <c r="E88" s="279">
        <v>0.23640798183067216</v>
      </c>
      <c r="F88" s="280">
        <v>7.4359778724453381E-3</v>
      </c>
      <c r="G88" s="281">
        <v>0.4029488157356092</v>
      </c>
      <c r="H88" s="280">
        <v>8.5834342718573067E-3</v>
      </c>
      <c r="I88" s="69">
        <v>13046</v>
      </c>
      <c r="J88" s="70">
        <v>67.385153056554074</v>
      </c>
      <c r="K88" s="71">
        <v>0.3968716258727738</v>
      </c>
      <c r="L88" s="279">
        <v>0.29630988744750514</v>
      </c>
      <c r="M88" s="280">
        <v>7.9949364900044374E-3</v>
      </c>
      <c r="N88" s="281">
        <v>0.32826415682943705</v>
      </c>
      <c r="O88" s="280">
        <v>8.2215468246967342E-3</v>
      </c>
      <c r="P88" s="69">
        <v>13026</v>
      </c>
      <c r="Q88" s="70">
        <v>65.488477395839737</v>
      </c>
      <c r="R88" s="71">
        <v>0.41192055065275712</v>
      </c>
      <c r="S88" s="279">
        <v>0.33625459742995006</v>
      </c>
      <c r="T88" s="280">
        <v>8.2776808838804991E-3</v>
      </c>
      <c r="U88" s="281">
        <v>0.31924889800002193</v>
      </c>
      <c r="V88" s="280">
        <v>8.168394530980453E-3</v>
      </c>
      <c r="W88" s="69">
        <v>13014</v>
      </c>
      <c r="X88" s="70">
        <v>71.247396118612301</v>
      </c>
      <c r="Y88" s="71">
        <v>0.42745776187995532</v>
      </c>
      <c r="Z88" s="279">
        <v>0.27023319997110806</v>
      </c>
      <c r="AA88" s="280">
        <v>7.7849348027658966E-3</v>
      </c>
      <c r="AB88" s="281">
        <v>0.45174236403517604</v>
      </c>
      <c r="AC88" s="280">
        <v>8.7236226475114389E-3</v>
      </c>
      <c r="AD88" s="69">
        <v>13041</v>
      </c>
      <c r="AE88" s="70">
        <v>74.223082154462887</v>
      </c>
      <c r="AF88" s="71">
        <v>0.36899066272091618</v>
      </c>
      <c r="AG88" s="279">
        <v>0.21544490036460842</v>
      </c>
      <c r="AH88" s="280">
        <v>7.200316087974187E-3</v>
      </c>
      <c r="AI88" s="281">
        <v>0.48449477129568214</v>
      </c>
      <c r="AJ88" s="280">
        <v>8.7512313810568856E-3</v>
      </c>
      <c r="AK88" s="69">
        <v>13017</v>
      </c>
      <c r="AL88" s="70">
        <v>64.284054012077917</v>
      </c>
      <c r="AM88" s="71">
        <v>0.42744828315140726</v>
      </c>
      <c r="AN88" s="279">
        <v>0.37022335503402232</v>
      </c>
      <c r="AO88" s="280">
        <v>8.4633566586866053E-3</v>
      </c>
      <c r="AP88" s="281">
        <v>0.29519621918728672</v>
      </c>
      <c r="AQ88" s="280">
        <v>7.9951059800328367E-3</v>
      </c>
      <c r="AR88" s="69">
        <v>13023</v>
      </c>
      <c r="AS88" s="70">
        <v>64.915480329250386</v>
      </c>
      <c r="AT88" s="71">
        <v>0.44153812181307295</v>
      </c>
      <c r="AU88" s="279">
        <v>0.35968494199576706</v>
      </c>
      <c r="AV88" s="280">
        <v>8.4096355015366841E-3</v>
      </c>
      <c r="AW88" s="281">
        <v>0.32274196987968978</v>
      </c>
      <c r="AX88" s="280">
        <v>8.1927887857730242E-3</v>
      </c>
    </row>
    <row r="90" spans="1:50" ht="18.75">
      <c r="A90" s="337" t="s">
        <v>242</v>
      </c>
      <c r="B90" s="337"/>
      <c r="C90" s="337"/>
      <c r="D90" s="337"/>
      <c r="E90" s="337"/>
      <c r="F90" s="337"/>
      <c r="G90" s="337"/>
      <c r="H90" s="337"/>
    </row>
    <row r="91" spans="1:50" ht="72.75" customHeight="1">
      <c r="A91" s="336" t="s">
        <v>526</v>
      </c>
      <c r="B91" s="336"/>
      <c r="C91" s="336"/>
      <c r="D91" s="336"/>
      <c r="E91" s="336"/>
      <c r="F91" s="336"/>
      <c r="G91" s="336"/>
      <c r="H91" s="336"/>
    </row>
    <row r="92" spans="1:50" ht="33" customHeight="1">
      <c r="A92" s="328" t="s">
        <v>243</v>
      </c>
      <c r="B92" s="329"/>
      <c r="C92" s="329"/>
      <c r="D92" s="329"/>
      <c r="E92" s="329"/>
      <c r="F92" s="329"/>
      <c r="G92" s="329"/>
      <c r="H92" s="330"/>
    </row>
    <row r="93" spans="1:50" ht="42" customHeight="1">
      <c r="A93" s="35" t="s">
        <v>70</v>
      </c>
      <c r="B93" s="36" t="s">
        <v>71</v>
      </c>
      <c r="C93" s="37" t="s">
        <v>550</v>
      </c>
      <c r="D93" s="38" t="s">
        <v>72</v>
      </c>
      <c r="E93" s="37" t="s">
        <v>329</v>
      </c>
      <c r="F93" s="38" t="s">
        <v>333</v>
      </c>
      <c r="G93" s="37" t="s">
        <v>331</v>
      </c>
      <c r="H93" s="38" t="s">
        <v>334</v>
      </c>
    </row>
    <row r="94" spans="1:50" ht="72" customHeight="1">
      <c r="A94" s="39"/>
      <c r="B94" s="40" t="s">
        <v>73</v>
      </c>
      <c r="C94" s="41" t="s">
        <v>246</v>
      </c>
      <c r="D94" s="42" t="s">
        <v>75</v>
      </c>
      <c r="E94" s="41" t="s">
        <v>330</v>
      </c>
      <c r="F94" s="89" t="s">
        <v>87</v>
      </c>
      <c r="G94" s="41" t="s">
        <v>332</v>
      </c>
      <c r="H94" s="89" t="s">
        <v>87</v>
      </c>
    </row>
    <row r="95" spans="1:50">
      <c r="A95" s="43" t="s">
        <v>348</v>
      </c>
      <c r="B95" s="75">
        <v>13562</v>
      </c>
      <c r="C95" s="76">
        <v>67.003714115916821</v>
      </c>
      <c r="D95" s="77">
        <v>0.41771560076770042</v>
      </c>
      <c r="E95" s="286">
        <v>0.31223242392109507</v>
      </c>
      <c r="F95" s="287">
        <v>7.9576522818712876E-3</v>
      </c>
      <c r="G95" s="286">
        <v>0.30655428162142018</v>
      </c>
      <c r="H95" s="287">
        <v>7.9174723496586458E-3</v>
      </c>
    </row>
    <row r="96" spans="1:50">
      <c r="A96" s="47" t="s">
        <v>349</v>
      </c>
      <c r="B96" s="78">
        <v>10049</v>
      </c>
      <c r="C96" s="79">
        <v>69.354440070821909</v>
      </c>
      <c r="D96" s="80">
        <v>0.47362839336437085</v>
      </c>
      <c r="E96" s="288">
        <v>0.27180113126224165</v>
      </c>
      <c r="F96" s="289">
        <v>8.8752017717384363E-3</v>
      </c>
      <c r="G96" s="288">
        <v>0.34684332757075992</v>
      </c>
      <c r="H96" s="289">
        <v>9.4945721376079508E-3</v>
      </c>
    </row>
    <row r="97" spans="1:8" s="5" customFormat="1">
      <c r="A97" s="43" t="s">
        <v>350</v>
      </c>
      <c r="B97" s="75">
        <v>3513</v>
      </c>
      <c r="C97" s="76">
        <v>65.00864740674038</v>
      </c>
      <c r="D97" s="77">
        <v>0.85205123852653242</v>
      </c>
      <c r="E97" s="286">
        <v>0.34654655816728325</v>
      </c>
      <c r="F97" s="287">
        <v>1.605030386499131E-2</v>
      </c>
      <c r="G97" s="286">
        <v>0.27236087249591096</v>
      </c>
      <c r="H97" s="287">
        <v>1.5017693396233021E-2</v>
      </c>
    </row>
    <row r="98" spans="1:8" s="5" customFormat="1">
      <c r="A98" s="47" t="s">
        <v>574</v>
      </c>
      <c r="B98" s="78">
        <v>4766</v>
      </c>
      <c r="C98" s="79">
        <v>65.60352973799921</v>
      </c>
      <c r="D98" s="80">
        <v>0.72989577952250362</v>
      </c>
      <c r="E98" s="288">
        <v>0.33516682295980615</v>
      </c>
      <c r="F98" s="289">
        <v>1.3671055369432821E-2</v>
      </c>
      <c r="G98" s="288">
        <v>0.28272501482525314</v>
      </c>
      <c r="H98" s="289">
        <v>1.3043090113917183E-2</v>
      </c>
    </row>
    <row r="99" spans="1:8" s="5" customFormat="1">
      <c r="A99" s="43" t="s">
        <v>575</v>
      </c>
      <c r="B99" s="75">
        <v>5075</v>
      </c>
      <c r="C99" s="76">
        <v>70.129177492524562</v>
      </c>
      <c r="D99" s="77">
        <v>0.66044890145648838</v>
      </c>
      <c r="E99" s="286">
        <v>0.25679964421777557</v>
      </c>
      <c r="F99" s="287">
        <v>1.2263007167866236E-2</v>
      </c>
      <c r="G99" s="286">
        <v>0.35460668667819639</v>
      </c>
      <c r="H99" s="287">
        <v>1.3426355992350288E-2</v>
      </c>
    </row>
    <row r="100" spans="1:8" s="5" customFormat="1">
      <c r="A100" s="47" t="s">
        <v>576</v>
      </c>
      <c r="B100" s="78">
        <v>3091</v>
      </c>
      <c r="C100" s="79">
        <v>70.11214916127291</v>
      </c>
      <c r="D100" s="80">
        <v>0.84703628882417314</v>
      </c>
      <c r="E100" s="288">
        <v>0.27154565670118297</v>
      </c>
      <c r="F100" s="289">
        <v>1.599448333371609E-2</v>
      </c>
      <c r="G100" s="288">
        <v>0.37357022899287001</v>
      </c>
      <c r="H100" s="289">
        <v>1.7392431579002096E-2</v>
      </c>
    </row>
    <row r="101" spans="1:8" s="5" customFormat="1">
      <c r="A101" s="43" t="s">
        <v>577</v>
      </c>
      <c r="B101" s="75">
        <v>410</v>
      </c>
      <c r="C101" s="76">
        <v>66.727111258926044</v>
      </c>
      <c r="D101" s="77">
        <v>2.399729045615127</v>
      </c>
      <c r="E101" s="286">
        <v>0.30703258306000597</v>
      </c>
      <c r="F101" s="287">
        <v>4.5415914166308149E-2</v>
      </c>
      <c r="G101" s="286">
        <v>0.31992457882020753</v>
      </c>
      <c r="H101" s="287">
        <v>4.5914899996272289E-2</v>
      </c>
    </row>
    <row r="102" spans="1:8" s="5" customFormat="1">
      <c r="A102" s="47" t="s">
        <v>578</v>
      </c>
      <c r="B102" s="78">
        <v>144</v>
      </c>
      <c r="C102" s="79">
        <v>71.909149102961919</v>
      </c>
      <c r="D102" s="80">
        <v>3.7834968775911708</v>
      </c>
      <c r="E102" s="288">
        <v>0.18416410901242192</v>
      </c>
      <c r="F102" s="289">
        <v>6.4842187141415542E-2</v>
      </c>
      <c r="G102" s="288">
        <v>0.3245019552820782</v>
      </c>
      <c r="H102" s="289">
        <v>7.7257515986351055E-2</v>
      </c>
    </row>
    <row r="103" spans="1:8" s="5" customFormat="1">
      <c r="A103" s="43" t="s">
        <v>581</v>
      </c>
      <c r="B103" s="75">
        <v>9571</v>
      </c>
      <c r="C103" s="76">
        <v>66.576048780227154</v>
      </c>
      <c r="D103" s="77">
        <v>0.50278665883616103</v>
      </c>
      <c r="E103" s="286">
        <v>0.31985027804160748</v>
      </c>
      <c r="F103" s="287">
        <v>9.5337397299211438E-3</v>
      </c>
      <c r="G103" s="286">
        <v>0.29885461406261887</v>
      </c>
      <c r="H103" s="287">
        <v>9.3568495938690498E-3</v>
      </c>
    </row>
    <row r="104" spans="1:8" s="5" customFormat="1">
      <c r="A104" s="47" t="s">
        <v>580</v>
      </c>
      <c r="B104" s="78">
        <v>3980</v>
      </c>
      <c r="C104" s="79">
        <v>70.690971530563957</v>
      </c>
      <c r="D104" s="80">
        <v>0.74099492005619272</v>
      </c>
      <c r="E104" s="288">
        <v>0.24505989181472188</v>
      </c>
      <c r="F104" s="289">
        <v>1.3633763409312218E-2</v>
      </c>
      <c r="G104" s="288">
        <v>0.36914526198125946</v>
      </c>
      <c r="H104" s="289">
        <v>1.5292049924703743E-2</v>
      </c>
    </row>
    <row r="105" spans="1:8" s="5" customFormat="1">
      <c r="A105" s="43" t="s">
        <v>583</v>
      </c>
      <c r="B105" s="75">
        <v>915</v>
      </c>
      <c r="C105" s="76">
        <v>71.005961176753829</v>
      </c>
      <c r="D105" s="77">
        <v>1.5805596205221959</v>
      </c>
      <c r="E105" s="286">
        <v>0.24158370559849865</v>
      </c>
      <c r="F105" s="287">
        <v>2.8284353756293686E-2</v>
      </c>
      <c r="G105" s="286">
        <v>0.38474056718159433</v>
      </c>
      <c r="H105" s="287">
        <v>3.2106369499651788E-2</v>
      </c>
    </row>
    <row r="106" spans="1:8" s="5" customFormat="1">
      <c r="A106" s="47" t="s">
        <v>582</v>
      </c>
      <c r="B106" s="78">
        <v>3065</v>
      </c>
      <c r="C106" s="79">
        <v>70.576742490729401</v>
      </c>
      <c r="D106" s="80">
        <v>0.83870925149960218</v>
      </c>
      <c r="E106" s="288">
        <v>0.24632050916696666</v>
      </c>
      <c r="F106" s="289">
        <v>1.5562206900695248E-2</v>
      </c>
      <c r="G106" s="288">
        <v>0.3634897213610998</v>
      </c>
      <c r="H106" s="289">
        <v>1.7367043256197642E-2</v>
      </c>
    </row>
    <row r="107" spans="1:8">
      <c r="A107" s="43" t="s">
        <v>568</v>
      </c>
      <c r="B107" s="81">
        <v>8047</v>
      </c>
      <c r="C107" s="82">
        <v>67.592740051318657</v>
      </c>
      <c r="D107" s="83">
        <v>0.54893555083121215</v>
      </c>
      <c r="E107" s="290">
        <v>0.29835861996816249</v>
      </c>
      <c r="F107" s="291">
        <v>1.0199382240659298E-2</v>
      </c>
      <c r="G107" s="290">
        <v>0.32439777183893426</v>
      </c>
      <c r="H107" s="291">
        <v>1.0435659479728028E-2</v>
      </c>
    </row>
    <row r="108" spans="1:8">
      <c r="A108" s="47" t="s">
        <v>569</v>
      </c>
      <c r="B108" s="78">
        <v>5427</v>
      </c>
      <c r="C108" s="79">
        <v>66.468636172977824</v>
      </c>
      <c r="D108" s="80">
        <v>0.64769540619242894</v>
      </c>
      <c r="E108" s="288">
        <v>0.32518351040874949</v>
      </c>
      <c r="F108" s="289">
        <v>1.2714278512344903E-2</v>
      </c>
      <c r="G108" s="288">
        <v>0.28886544181587548</v>
      </c>
      <c r="H108" s="289">
        <v>1.2302210563288615E-2</v>
      </c>
    </row>
    <row r="109" spans="1:8">
      <c r="A109" s="55" t="s">
        <v>570</v>
      </c>
      <c r="B109" s="75">
        <v>1659</v>
      </c>
      <c r="C109" s="76">
        <v>63.564437518981684</v>
      </c>
      <c r="D109" s="77">
        <v>1.2825612632395422</v>
      </c>
      <c r="E109" s="286">
        <v>0.37229013297862906</v>
      </c>
      <c r="F109" s="287">
        <v>2.3712476713935528E-2</v>
      </c>
      <c r="G109" s="286">
        <v>0.26704569258579663</v>
      </c>
      <c r="H109" s="287">
        <v>2.1712218020703306E-2</v>
      </c>
    </row>
    <row r="110" spans="1:8">
      <c r="A110" s="47" t="s">
        <v>571</v>
      </c>
      <c r="B110" s="78">
        <v>3649</v>
      </c>
      <c r="C110" s="79">
        <v>64.572389221857634</v>
      </c>
      <c r="D110" s="80">
        <v>0.81837304443150227</v>
      </c>
      <c r="E110" s="288">
        <v>0.35003759065140011</v>
      </c>
      <c r="F110" s="289">
        <v>1.5785327547260915E-2</v>
      </c>
      <c r="G110" s="288">
        <v>0.26930319108115919</v>
      </c>
      <c r="H110" s="289">
        <v>1.4683278069300244E-2</v>
      </c>
    </row>
    <row r="111" spans="1:8">
      <c r="A111" s="55" t="s">
        <v>572</v>
      </c>
      <c r="B111" s="75">
        <v>4115</v>
      </c>
      <c r="C111" s="76">
        <v>66.874535101868432</v>
      </c>
      <c r="D111" s="77">
        <v>0.7674349916443296</v>
      </c>
      <c r="E111" s="286">
        <v>0.31425450861025478</v>
      </c>
      <c r="F111" s="287">
        <v>1.4468510285871915E-2</v>
      </c>
      <c r="G111" s="286">
        <v>0.29348587036963558</v>
      </c>
      <c r="H111" s="287">
        <v>1.4193019835704241E-2</v>
      </c>
    </row>
    <row r="112" spans="1:8">
      <c r="A112" s="47" t="s">
        <v>573</v>
      </c>
      <c r="B112" s="78">
        <v>3982</v>
      </c>
      <c r="C112" s="79">
        <v>74.639862214442743</v>
      </c>
      <c r="D112" s="80">
        <v>0.67225731689136614</v>
      </c>
      <c r="E112" s="288">
        <v>0.18745939934665368</v>
      </c>
      <c r="F112" s="289">
        <v>1.2371337801460328E-2</v>
      </c>
      <c r="G112" s="288">
        <v>0.42468014311568841</v>
      </c>
      <c r="H112" s="289">
        <v>1.5658751136783697E-2</v>
      </c>
    </row>
    <row r="113" spans="1:23">
      <c r="A113" s="55" t="s">
        <v>579</v>
      </c>
      <c r="B113" s="75">
        <v>9639</v>
      </c>
      <c r="C113" s="76">
        <v>66.363123071640317</v>
      </c>
      <c r="D113" s="77">
        <v>0.50460886504890134</v>
      </c>
      <c r="E113" s="286">
        <v>0.31918169548489439</v>
      </c>
      <c r="F113" s="287">
        <v>9.4947953929661495E-3</v>
      </c>
      <c r="G113" s="286">
        <v>0.29986300341046457</v>
      </c>
      <c r="H113" s="287">
        <v>9.3327843200739519E-3</v>
      </c>
    </row>
    <row r="114" spans="1:23">
      <c r="A114" s="47" t="s">
        <v>585</v>
      </c>
      <c r="B114" s="78">
        <v>1553</v>
      </c>
      <c r="C114" s="79">
        <v>68.821558462504456</v>
      </c>
      <c r="D114" s="80">
        <v>1.234349394356012</v>
      </c>
      <c r="E114" s="288">
        <v>0.28045569793685771</v>
      </c>
      <c r="F114" s="289">
        <v>2.2783087369110666E-2</v>
      </c>
      <c r="G114" s="288">
        <v>0.32589371545661228</v>
      </c>
      <c r="H114" s="289">
        <v>2.3765205180964418E-2</v>
      </c>
    </row>
    <row r="115" spans="1:23">
      <c r="A115" s="55" t="s">
        <v>586</v>
      </c>
      <c r="B115" s="75">
        <v>918</v>
      </c>
      <c r="C115" s="76">
        <v>68.400563655052622</v>
      </c>
      <c r="D115" s="77">
        <v>1.5263334751752355</v>
      </c>
      <c r="E115" s="286">
        <v>0.30671647510726296</v>
      </c>
      <c r="F115" s="287">
        <v>3.0396149993199569E-2</v>
      </c>
      <c r="G115" s="286">
        <v>0.3101279344929691</v>
      </c>
      <c r="H115" s="287">
        <v>3.0488483698695643E-2</v>
      </c>
    </row>
    <row r="116" spans="1:23">
      <c r="A116" s="47" t="s">
        <v>584</v>
      </c>
      <c r="B116" s="78">
        <v>308</v>
      </c>
      <c r="C116" s="79">
        <v>63.133784720046414</v>
      </c>
      <c r="D116" s="80">
        <v>3.0858379601858288</v>
      </c>
      <c r="E116" s="288">
        <v>0.39221180614874329</v>
      </c>
      <c r="F116" s="289">
        <v>5.5317000286236477E-2</v>
      </c>
      <c r="G116" s="288">
        <v>0.29481763956570889</v>
      </c>
      <c r="H116" s="289">
        <v>5.1760389925348711E-2</v>
      </c>
    </row>
    <row r="117" spans="1:23" s="5" customFormat="1">
      <c r="A117" s="55" t="s">
        <v>587</v>
      </c>
      <c r="B117" s="75">
        <v>13067</v>
      </c>
      <c r="C117" s="76">
        <v>67.180788963945815</v>
      </c>
      <c r="D117" s="77">
        <v>0.42321814089060544</v>
      </c>
      <c r="E117" s="286">
        <v>0.30857581837094045</v>
      </c>
      <c r="F117" s="287">
        <v>8.0807493538027353E-3</v>
      </c>
      <c r="G117" s="286">
        <v>0.30744415181754636</v>
      </c>
      <c r="H117" s="287">
        <v>8.0725221556948445E-3</v>
      </c>
    </row>
    <row r="119" spans="1:23" s="5" customFormat="1" ht="18.75">
      <c r="A119" s="338" t="s">
        <v>222</v>
      </c>
      <c r="B119" s="338"/>
      <c r="C119" s="338"/>
      <c r="D119" s="338"/>
      <c r="E119" s="338"/>
      <c r="F119" s="338"/>
      <c r="G119" s="338"/>
      <c r="H119" s="338"/>
      <c r="I119" s="338"/>
      <c r="J119" s="338"/>
      <c r="K119" s="338"/>
      <c r="L119" s="338"/>
      <c r="M119" s="338"/>
      <c r="N119" s="338"/>
      <c r="O119" s="338"/>
      <c r="P119" s="338"/>
      <c r="Q119" s="338"/>
      <c r="R119" s="338"/>
      <c r="S119" s="338"/>
      <c r="T119" s="338"/>
      <c r="U119" s="338"/>
      <c r="V119" s="338"/>
      <c r="W119" s="231"/>
    </row>
    <row r="120" spans="1:23" s="5" customFormat="1" ht="72" customHeight="1">
      <c r="A120" s="336" t="s">
        <v>541</v>
      </c>
      <c r="B120" s="336"/>
      <c r="C120" s="336"/>
      <c r="D120" s="336"/>
      <c r="E120" s="336"/>
      <c r="F120" s="336"/>
      <c r="G120" s="336"/>
      <c r="H120" s="336"/>
      <c r="I120" s="336"/>
      <c r="J120" s="336"/>
      <c r="K120" s="336"/>
      <c r="L120" s="336"/>
      <c r="M120" s="336"/>
      <c r="N120" s="336"/>
      <c r="O120" s="336"/>
      <c r="P120" s="336"/>
      <c r="Q120" s="336"/>
      <c r="R120" s="336"/>
      <c r="S120" s="336"/>
      <c r="T120" s="336"/>
      <c r="U120" s="336"/>
      <c r="V120" s="336"/>
    </row>
    <row r="121" spans="1:23" s="5" customFormat="1" ht="48.75" customHeight="1">
      <c r="A121" s="62" t="s">
        <v>244</v>
      </c>
      <c r="B121" s="333" t="s">
        <v>225</v>
      </c>
      <c r="C121" s="334"/>
      <c r="D121" s="334"/>
      <c r="E121" s="334"/>
      <c r="F121" s="334"/>
      <c r="G121" s="334"/>
      <c r="H121" s="335"/>
      <c r="I121" s="328" t="s">
        <v>224</v>
      </c>
      <c r="J121" s="329"/>
      <c r="K121" s="329"/>
      <c r="L121" s="329"/>
      <c r="M121" s="329"/>
      <c r="N121" s="329"/>
      <c r="O121" s="330"/>
      <c r="P121" s="328" t="s">
        <v>223</v>
      </c>
      <c r="Q121" s="329"/>
      <c r="R121" s="329"/>
      <c r="S121" s="329"/>
      <c r="T121" s="329"/>
      <c r="U121" s="329"/>
      <c r="V121" s="330"/>
    </row>
    <row r="122" spans="1:23" s="5" customFormat="1" ht="43.5" customHeight="1">
      <c r="A122" s="35" t="s">
        <v>70</v>
      </c>
      <c r="B122" s="63" t="s">
        <v>71</v>
      </c>
      <c r="C122" s="64" t="s">
        <v>550</v>
      </c>
      <c r="D122" s="65" t="s">
        <v>72</v>
      </c>
      <c r="E122" s="64" t="s">
        <v>329</v>
      </c>
      <c r="F122" s="65" t="s">
        <v>333</v>
      </c>
      <c r="G122" s="64" t="s">
        <v>331</v>
      </c>
      <c r="H122" s="65" t="s">
        <v>334</v>
      </c>
      <c r="I122" s="36" t="s">
        <v>71</v>
      </c>
      <c r="J122" s="37" t="s">
        <v>550</v>
      </c>
      <c r="K122" s="38" t="s">
        <v>72</v>
      </c>
      <c r="L122" s="36" t="s">
        <v>329</v>
      </c>
      <c r="M122" s="38" t="s">
        <v>333</v>
      </c>
      <c r="N122" s="37" t="s">
        <v>331</v>
      </c>
      <c r="O122" s="38" t="s">
        <v>333</v>
      </c>
      <c r="P122" s="63" t="s">
        <v>71</v>
      </c>
      <c r="Q122" s="64" t="s">
        <v>550</v>
      </c>
      <c r="R122" s="65" t="s">
        <v>72</v>
      </c>
      <c r="S122" s="63" t="s">
        <v>329</v>
      </c>
      <c r="T122" s="65" t="s">
        <v>333</v>
      </c>
      <c r="U122" s="64" t="s">
        <v>331</v>
      </c>
      <c r="V122" s="65" t="s">
        <v>333</v>
      </c>
    </row>
    <row r="123" spans="1:23" s="5" customFormat="1" ht="64.5" customHeight="1">
      <c r="A123" s="39"/>
      <c r="B123" s="66" t="s">
        <v>73</v>
      </c>
      <c r="C123" s="67" t="s">
        <v>245</v>
      </c>
      <c r="D123" s="68" t="s">
        <v>75</v>
      </c>
      <c r="E123" s="67" t="s">
        <v>330</v>
      </c>
      <c r="F123" s="68" t="s">
        <v>87</v>
      </c>
      <c r="G123" s="67" t="s">
        <v>332</v>
      </c>
      <c r="H123" s="68" t="s">
        <v>87</v>
      </c>
      <c r="I123" s="40" t="s">
        <v>73</v>
      </c>
      <c r="J123" s="41" t="s">
        <v>245</v>
      </c>
      <c r="K123" s="42" t="s">
        <v>75</v>
      </c>
      <c r="L123" s="40" t="s">
        <v>330</v>
      </c>
      <c r="M123" s="42" t="s">
        <v>87</v>
      </c>
      <c r="N123" s="126" t="s">
        <v>332</v>
      </c>
      <c r="O123" s="42" t="s">
        <v>87</v>
      </c>
      <c r="P123" s="66" t="s">
        <v>73</v>
      </c>
      <c r="Q123" s="67" t="s">
        <v>245</v>
      </c>
      <c r="R123" s="68" t="s">
        <v>75</v>
      </c>
      <c r="S123" s="66" t="s">
        <v>330</v>
      </c>
      <c r="T123" s="68" t="s">
        <v>87</v>
      </c>
      <c r="U123" s="260" t="s">
        <v>332</v>
      </c>
      <c r="V123" s="68" t="s">
        <v>87</v>
      </c>
    </row>
    <row r="124" spans="1:23" s="5" customFormat="1">
      <c r="A124" s="43" t="s">
        <v>348</v>
      </c>
      <c r="B124" s="69">
        <v>13595</v>
      </c>
      <c r="C124" s="70">
        <v>66.671008525665897</v>
      </c>
      <c r="D124" s="71">
        <v>0.4352659319735202</v>
      </c>
      <c r="E124" s="279">
        <v>0.29427832367242951</v>
      </c>
      <c r="F124" s="280">
        <v>7.8162492592661649E-3</v>
      </c>
      <c r="G124" s="279">
        <v>0.26440420139730286</v>
      </c>
      <c r="H124" s="280">
        <v>7.5642652928588853E-3</v>
      </c>
      <c r="I124" s="69">
        <v>13488</v>
      </c>
      <c r="J124" s="70">
        <v>66.618202836074161</v>
      </c>
      <c r="K124" s="71">
        <v>0.44084708176087417</v>
      </c>
      <c r="L124" s="279">
        <v>0.2976766307416695</v>
      </c>
      <c r="M124" s="280">
        <v>7.8733211221182799E-3</v>
      </c>
      <c r="N124" s="279">
        <v>0.27811808775732949</v>
      </c>
      <c r="O124" s="280">
        <v>7.715624666684703E-3</v>
      </c>
      <c r="P124" s="69">
        <v>13500</v>
      </c>
      <c r="Q124" s="70">
        <v>67.647801110856562</v>
      </c>
      <c r="R124" s="71">
        <v>0.4229868689948128</v>
      </c>
      <c r="S124" s="279">
        <v>0.28061620895654121</v>
      </c>
      <c r="T124" s="280">
        <v>7.7333229177852549E-3</v>
      </c>
      <c r="U124" s="279">
        <v>0.28447116453549126</v>
      </c>
      <c r="V124" s="280">
        <v>7.765346301956827E-3</v>
      </c>
    </row>
    <row r="125" spans="1:23" s="5" customFormat="1">
      <c r="A125" s="47" t="s">
        <v>349</v>
      </c>
      <c r="B125" s="72">
        <v>10073</v>
      </c>
      <c r="C125" s="73">
        <v>69.017358204016944</v>
      </c>
      <c r="D125" s="74">
        <v>0.49241329407288709</v>
      </c>
      <c r="E125" s="282">
        <v>0.25722059746896392</v>
      </c>
      <c r="F125" s="283">
        <v>8.7096425078187715E-3</v>
      </c>
      <c r="G125" s="282">
        <v>0.29983537550732603</v>
      </c>
      <c r="H125" s="283">
        <v>9.1293272634278416E-3</v>
      </c>
      <c r="I125" s="72">
        <v>9989</v>
      </c>
      <c r="J125" s="73">
        <v>68.856140725307412</v>
      </c>
      <c r="K125" s="74">
        <v>0.50027931883321508</v>
      </c>
      <c r="L125" s="282">
        <v>0.26323630773319057</v>
      </c>
      <c r="M125" s="283">
        <v>8.8118944317164601E-3</v>
      </c>
      <c r="N125" s="282">
        <v>0.31720661259196503</v>
      </c>
      <c r="O125" s="283">
        <v>9.3116068896594226E-3</v>
      </c>
      <c r="P125" s="72">
        <v>10003</v>
      </c>
      <c r="Q125" s="73">
        <v>70.109356682736859</v>
      </c>
      <c r="R125" s="74">
        <v>0.47747551305841629</v>
      </c>
      <c r="S125" s="282">
        <v>0.24142759489581603</v>
      </c>
      <c r="T125" s="283">
        <v>8.5572333156978906E-3</v>
      </c>
      <c r="U125" s="282">
        <v>0.32555929066739525</v>
      </c>
      <c r="V125" s="283">
        <v>9.3689092615848318E-3</v>
      </c>
    </row>
    <row r="126" spans="1:23" s="5" customFormat="1">
      <c r="A126" s="43" t="s">
        <v>350</v>
      </c>
      <c r="B126" s="52">
        <v>3522</v>
      </c>
      <c r="C126" s="53">
        <v>64.681314939341803</v>
      </c>
      <c r="D126" s="54">
        <v>0.89516544038157875</v>
      </c>
      <c r="E126" s="276">
        <v>0.3257031026945264</v>
      </c>
      <c r="F126" s="285">
        <v>1.5786776890086018E-2</v>
      </c>
      <c r="G126" s="276">
        <v>0.23435873096588655</v>
      </c>
      <c r="H126" s="285">
        <v>1.4273669403777344E-2</v>
      </c>
      <c r="I126" s="52">
        <v>3499</v>
      </c>
      <c r="J126" s="53">
        <v>64.722765909225885</v>
      </c>
      <c r="K126" s="54">
        <v>0.90037310350955169</v>
      </c>
      <c r="L126" s="276">
        <v>0.32684609979480589</v>
      </c>
      <c r="M126" s="285">
        <v>1.5852811422488372E-2</v>
      </c>
      <c r="N126" s="276">
        <v>0.24501179211611837</v>
      </c>
      <c r="O126" s="285">
        <v>1.4539438784733552E-2</v>
      </c>
      <c r="P126" s="52">
        <v>3497</v>
      </c>
      <c r="Q126" s="53">
        <v>65.559882620440547</v>
      </c>
      <c r="R126" s="54">
        <v>0.87150522196120939</v>
      </c>
      <c r="S126" s="276">
        <v>0.31385642211518133</v>
      </c>
      <c r="T126" s="285">
        <v>1.5688691668993459E-2</v>
      </c>
      <c r="U126" s="276">
        <v>0.24961976436098715</v>
      </c>
      <c r="V126" s="285">
        <v>1.4634572147230528E-2</v>
      </c>
    </row>
    <row r="127" spans="1:23" s="5" customFormat="1">
      <c r="A127" s="47" t="s">
        <v>574</v>
      </c>
      <c r="B127" s="72">
        <v>4778</v>
      </c>
      <c r="C127" s="73">
        <v>65.32047243702759</v>
      </c>
      <c r="D127" s="74">
        <v>0.76310591029617969</v>
      </c>
      <c r="E127" s="282">
        <v>0.31381708065678965</v>
      </c>
      <c r="F127" s="283">
        <v>1.3422762218143786E-2</v>
      </c>
      <c r="G127" s="282">
        <v>0.24353296731496202</v>
      </c>
      <c r="H127" s="283">
        <v>1.241734372579182E-2</v>
      </c>
      <c r="I127" s="72">
        <v>4741</v>
      </c>
      <c r="J127" s="73">
        <v>65.23252155195722</v>
      </c>
      <c r="K127" s="74">
        <v>0.77239954907566621</v>
      </c>
      <c r="L127" s="282">
        <v>0.31757623753268854</v>
      </c>
      <c r="M127" s="283">
        <v>1.3518208589923229E-2</v>
      </c>
      <c r="N127" s="282">
        <v>0.25536561187669932</v>
      </c>
      <c r="O127" s="283">
        <v>1.2664258945485648E-2</v>
      </c>
      <c r="P127" s="72">
        <v>4743</v>
      </c>
      <c r="Q127" s="73">
        <v>66.180725662262674</v>
      </c>
      <c r="R127" s="74">
        <v>0.74492096480588577</v>
      </c>
      <c r="S127" s="282">
        <v>0.30349325801688498</v>
      </c>
      <c r="T127" s="283">
        <v>1.3348251421719144E-2</v>
      </c>
      <c r="U127" s="282">
        <v>0.25972551819471296</v>
      </c>
      <c r="V127" s="283">
        <v>1.2731626501635609E-2</v>
      </c>
    </row>
    <row r="128" spans="1:23" s="5" customFormat="1">
      <c r="A128" s="43" t="s">
        <v>575</v>
      </c>
      <c r="B128" s="52">
        <v>5081</v>
      </c>
      <c r="C128" s="53">
        <v>69.701812879019741</v>
      </c>
      <c r="D128" s="54">
        <v>0.68790801544318103</v>
      </c>
      <c r="E128" s="276">
        <v>0.24812291945042678</v>
      </c>
      <c r="F128" s="285">
        <v>1.2117345217130943E-2</v>
      </c>
      <c r="G128" s="276">
        <v>0.30655109161842881</v>
      </c>
      <c r="H128" s="285">
        <v>1.2933119597458062E-2</v>
      </c>
      <c r="I128" s="52">
        <v>5044</v>
      </c>
      <c r="J128" s="53">
        <v>69.623050884232882</v>
      </c>
      <c r="K128" s="54">
        <v>0.69680584959379155</v>
      </c>
      <c r="L128" s="276">
        <v>0.25347861284835632</v>
      </c>
      <c r="M128" s="285">
        <v>1.2248208232599218E-2</v>
      </c>
      <c r="N128" s="276">
        <v>0.32124443083638887</v>
      </c>
      <c r="O128" s="285">
        <v>1.3146048618332282E-2</v>
      </c>
      <c r="P128" s="52">
        <v>5052</v>
      </c>
      <c r="Q128" s="53">
        <v>70.999329014871478</v>
      </c>
      <c r="R128" s="54">
        <v>0.6648895761755601</v>
      </c>
      <c r="S128" s="276">
        <v>0.22561957261906637</v>
      </c>
      <c r="T128" s="285">
        <v>1.1760884239164365E-2</v>
      </c>
      <c r="U128" s="276">
        <v>0.33911094278334447</v>
      </c>
      <c r="V128" s="285">
        <v>1.331684395465706E-2</v>
      </c>
    </row>
    <row r="129" spans="1:22" s="5" customFormat="1">
      <c r="A129" s="47" t="s">
        <v>576</v>
      </c>
      <c r="B129" s="72">
        <v>3104</v>
      </c>
      <c r="C129" s="73">
        <v>69.624465051164634</v>
      </c>
      <c r="D129" s="74">
        <v>0.88103327255551878</v>
      </c>
      <c r="E129" s="282">
        <v>0.25676941197810133</v>
      </c>
      <c r="F129" s="283">
        <v>1.567819329782082E-2</v>
      </c>
      <c r="G129" s="282">
        <v>0.32290466559061903</v>
      </c>
      <c r="H129" s="283">
        <v>1.6777670948962535E-2</v>
      </c>
      <c r="I129" s="72">
        <v>3076</v>
      </c>
      <c r="J129" s="73">
        <v>69.941448880925506</v>
      </c>
      <c r="K129" s="74">
        <v>0.89318407833202385</v>
      </c>
      <c r="L129" s="282">
        <v>0.25507442575963374</v>
      </c>
      <c r="M129" s="283">
        <v>1.5715290605444871E-2</v>
      </c>
      <c r="N129" s="282">
        <v>0.34578198759963613</v>
      </c>
      <c r="O129" s="283">
        <v>1.7142585352278614E-2</v>
      </c>
      <c r="P129" s="72">
        <v>3081</v>
      </c>
      <c r="Q129" s="73">
        <v>70.711741957656699</v>
      </c>
      <c r="R129" s="74">
        <v>0.85113123500503929</v>
      </c>
      <c r="S129" s="282">
        <v>0.23963673731161361</v>
      </c>
      <c r="T129" s="283">
        <v>1.5377967252782742E-2</v>
      </c>
      <c r="U129" s="282">
        <v>0.34466319444012372</v>
      </c>
      <c r="V129" s="283">
        <v>1.7115604972906602E-2</v>
      </c>
    </row>
    <row r="130" spans="1:22" s="5" customFormat="1">
      <c r="A130" s="43" t="s">
        <v>577</v>
      </c>
      <c r="B130" s="52">
        <v>411</v>
      </c>
      <c r="C130" s="53">
        <v>65.999943406735014</v>
      </c>
      <c r="D130" s="54">
        <v>2.518026255897281</v>
      </c>
      <c r="E130" s="276">
        <v>0.27902745705544857</v>
      </c>
      <c r="F130" s="285">
        <v>4.4136467265067404E-2</v>
      </c>
      <c r="G130" s="276">
        <v>0.26024176723459908</v>
      </c>
      <c r="H130" s="285">
        <v>4.3199595597704574E-2</v>
      </c>
      <c r="I130" s="52">
        <v>408</v>
      </c>
      <c r="J130" s="53">
        <v>65.827833419818148</v>
      </c>
      <c r="K130" s="54">
        <v>2.5775929281653185</v>
      </c>
      <c r="L130" s="276">
        <v>0.29447636642950215</v>
      </c>
      <c r="M130" s="285">
        <v>4.5000134627320866E-2</v>
      </c>
      <c r="N130" s="276">
        <v>0.29263875914891846</v>
      </c>
      <c r="O130" s="285">
        <v>4.491979785606403E-2</v>
      </c>
      <c r="P130" s="52">
        <v>407</v>
      </c>
      <c r="Q130" s="53">
        <v>68.235713825636964</v>
      </c>
      <c r="R130" s="54">
        <v>2.4245834732581377</v>
      </c>
      <c r="S130" s="276">
        <v>0.28177492481750865</v>
      </c>
      <c r="T130" s="285">
        <v>4.4481359262567952E-2</v>
      </c>
      <c r="U130" s="276">
        <v>0.3081917339221707</v>
      </c>
      <c r="V130" s="285">
        <v>4.5628588316621706E-2</v>
      </c>
    </row>
    <row r="131" spans="1:22" s="5" customFormat="1">
      <c r="A131" s="47" t="s">
        <v>578</v>
      </c>
      <c r="B131" s="72">
        <v>145</v>
      </c>
      <c r="C131" s="73">
        <v>71.400688759835816</v>
      </c>
      <c r="D131" s="74">
        <v>3.9296340854395773</v>
      </c>
      <c r="E131" s="282">
        <v>0.21885736317334067</v>
      </c>
      <c r="F131" s="283">
        <v>6.8570382314679434E-2</v>
      </c>
      <c r="G131" s="282">
        <v>0.28765999030203809</v>
      </c>
      <c r="H131" s="283">
        <v>7.4599615473205996E-2</v>
      </c>
      <c r="I131" s="72">
        <v>143</v>
      </c>
      <c r="J131" s="73">
        <v>71.753514135945323</v>
      </c>
      <c r="K131" s="74">
        <v>3.8065409831474128</v>
      </c>
      <c r="L131" s="282">
        <v>0.2023625827274568</v>
      </c>
      <c r="M131" s="283">
        <v>6.7242578793289778E-2</v>
      </c>
      <c r="N131" s="282">
        <v>0.30273920262800436</v>
      </c>
      <c r="O131" s="283">
        <v>7.6162557344243306E-2</v>
      </c>
      <c r="P131" s="72">
        <v>144</v>
      </c>
      <c r="Q131" s="73">
        <v>72.357661032003094</v>
      </c>
      <c r="R131" s="74">
        <v>3.9503718377488628</v>
      </c>
      <c r="S131" s="282">
        <v>0.15411241882890866</v>
      </c>
      <c r="T131" s="283">
        <v>6.0792362825369067E-2</v>
      </c>
      <c r="U131" s="282">
        <v>0.27461018723388259</v>
      </c>
      <c r="V131" s="283">
        <v>7.3871382225641033E-2</v>
      </c>
    </row>
    <row r="132" spans="1:22" s="5" customFormat="1">
      <c r="A132" s="43" t="s">
        <v>581</v>
      </c>
      <c r="B132" s="52">
        <v>9597</v>
      </c>
      <c r="C132" s="53">
        <v>66.24365329950831</v>
      </c>
      <c r="D132" s="54">
        <v>0.5238759545290621</v>
      </c>
      <c r="E132" s="276">
        <v>0.301270279194843</v>
      </c>
      <c r="F132" s="285">
        <v>9.3656613517633745E-3</v>
      </c>
      <c r="G132" s="276">
        <v>0.25649811937394135</v>
      </c>
      <c r="H132" s="285">
        <v>8.9147901754591998E-3</v>
      </c>
      <c r="I132" s="52">
        <v>9519</v>
      </c>
      <c r="J132" s="53">
        <v>66.206539302829142</v>
      </c>
      <c r="K132" s="54">
        <v>0.53195663450905306</v>
      </c>
      <c r="L132" s="276">
        <v>0.30431992458835522</v>
      </c>
      <c r="M132" s="285">
        <v>9.4307463371993156E-3</v>
      </c>
      <c r="N132" s="276">
        <v>0.27176148007731732</v>
      </c>
      <c r="O132" s="285">
        <v>9.118467978152944E-3</v>
      </c>
      <c r="P132" s="52">
        <v>9530</v>
      </c>
      <c r="Q132" s="53">
        <v>67.21238881385338</v>
      </c>
      <c r="R132" s="54">
        <v>0.51089550392688909</v>
      </c>
      <c r="S132" s="276">
        <v>0.28756602921575836</v>
      </c>
      <c r="T132" s="285">
        <v>9.2720047605054003E-3</v>
      </c>
      <c r="U132" s="276">
        <v>0.27749459164540474</v>
      </c>
      <c r="V132" s="285">
        <v>9.1724470748281179E-3</v>
      </c>
    </row>
    <row r="133" spans="1:22" s="5" customFormat="1">
      <c r="A133" s="47" t="s">
        <v>580</v>
      </c>
      <c r="B133" s="72">
        <v>3987</v>
      </c>
      <c r="C133" s="73">
        <v>70.357105121328772</v>
      </c>
      <c r="D133" s="74">
        <v>0.77344466799671341</v>
      </c>
      <c r="E133" s="282">
        <v>0.23229191788990583</v>
      </c>
      <c r="F133" s="283">
        <v>1.337454469320969E-2</v>
      </c>
      <c r="G133" s="282">
        <v>0.3301025893816189</v>
      </c>
      <c r="H133" s="283">
        <v>1.4889308486534768E-2</v>
      </c>
      <c r="I133" s="72">
        <v>3958</v>
      </c>
      <c r="J133" s="73">
        <v>70.188680884073818</v>
      </c>
      <c r="K133" s="74">
        <v>0.77791345092632058</v>
      </c>
      <c r="L133" s="282">
        <v>0.23855495251360512</v>
      </c>
      <c r="M133" s="283">
        <v>1.3547248842807353E-2</v>
      </c>
      <c r="N133" s="282">
        <v>0.33110880736785858</v>
      </c>
      <c r="O133" s="283">
        <v>1.49552025528885E-2</v>
      </c>
      <c r="P133" s="72">
        <v>3959</v>
      </c>
      <c r="Q133" s="73">
        <v>71.38733367417187</v>
      </c>
      <c r="R133" s="74">
        <v>0.7429108481711848</v>
      </c>
      <c r="S133" s="282">
        <v>0.21917059083526763</v>
      </c>
      <c r="T133" s="283">
        <v>1.3148886945401179E-2</v>
      </c>
      <c r="U133" s="282">
        <v>0.34332780867342727</v>
      </c>
      <c r="V133" s="283">
        <v>1.5086707093140842E-2</v>
      </c>
    </row>
    <row r="134" spans="1:22" s="5" customFormat="1">
      <c r="A134" s="43" t="s">
        <v>583</v>
      </c>
      <c r="B134" s="69">
        <v>915</v>
      </c>
      <c r="C134" s="70">
        <v>70.543123571283374</v>
      </c>
      <c r="D134" s="71">
        <v>1.6531972990676502</v>
      </c>
      <c r="E134" s="279">
        <v>0.23061083054934792</v>
      </c>
      <c r="F134" s="280">
        <v>2.7839102087715662E-2</v>
      </c>
      <c r="G134" s="279">
        <v>0.34004381535895539</v>
      </c>
      <c r="H134" s="280">
        <v>3.126886899589839E-2</v>
      </c>
      <c r="I134" s="69">
        <v>907</v>
      </c>
      <c r="J134" s="70">
        <v>70.522425714637961</v>
      </c>
      <c r="K134" s="71">
        <v>1.6611146707351601</v>
      </c>
      <c r="L134" s="279">
        <v>0.23665429952208747</v>
      </c>
      <c r="M134" s="280">
        <v>2.8210959601791756E-2</v>
      </c>
      <c r="N134" s="279">
        <v>0.34374016164242688</v>
      </c>
      <c r="O134" s="280">
        <v>3.1486885929288513E-2</v>
      </c>
      <c r="P134" s="69">
        <v>908</v>
      </c>
      <c r="Q134" s="70">
        <v>71.706112964862839</v>
      </c>
      <c r="R134" s="71">
        <v>1.5777188130368047</v>
      </c>
      <c r="S134" s="279">
        <v>0.21115741709019148</v>
      </c>
      <c r="T134" s="280">
        <v>2.7088241105912764E-2</v>
      </c>
      <c r="U134" s="279">
        <v>0.36257979226099679</v>
      </c>
      <c r="V134" s="280">
        <v>3.1849493586136361E-2</v>
      </c>
    </row>
    <row r="135" spans="1:22" s="5" customFormat="1">
      <c r="A135" s="47" t="s">
        <v>582</v>
      </c>
      <c r="B135" s="72">
        <v>3072</v>
      </c>
      <c r="C135" s="73">
        <v>70.289929229464349</v>
      </c>
      <c r="D135" s="74">
        <v>0.8748959025987314</v>
      </c>
      <c r="E135" s="282">
        <v>0.23289900036710987</v>
      </c>
      <c r="F135" s="283">
        <v>1.5250081867727529E-2</v>
      </c>
      <c r="G135" s="282">
        <v>0.3265125652661785</v>
      </c>
      <c r="H135" s="283">
        <v>1.6913315946174106E-2</v>
      </c>
      <c r="I135" s="72">
        <v>3051</v>
      </c>
      <c r="J135" s="73">
        <v>70.068266047412394</v>
      </c>
      <c r="K135" s="74">
        <v>0.88024167293933853</v>
      </c>
      <c r="L135" s="282">
        <v>0.23924070641468137</v>
      </c>
      <c r="M135" s="283">
        <v>1.544463872718964E-2</v>
      </c>
      <c r="N135" s="282">
        <v>0.32655142603190934</v>
      </c>
      <c r="O135" s="283">
        <v>1.6971886694942488E-2</v>
      </c>
      <c r="P135" s="72">
        <v>3051</v>
      </c>
      <c r="Q135" s="73">
        <v>71.272476990911798</v>
      </c>
      <c r="R135" s="74">
        <v>0.84206183358100628</v>
      </c>
      <c r="S135" s="282">
        <v>0.22205775002540892</v>
      </c>
      <c r="T135" s="283">
        <v>1.504821577710006E-2</v>
      </c>
      <c r="U135" s="282">
        <v>0.33639128849907662</v>
      </c>
      <c r="V135" s="283">
        <v>1.709900847504698E-2</v>
      </c>
    </row>
    <row r="136" spans="1:22" s="5" customFormat="1">
      <c r="A136" s="43" t="s">
        <v>568</v>
      </c>
      <c r="B136" s="52">
        <v>8074</v>
      </c>
      <c r="C136" s="53">
        <v>67.428465355970275</v>
      </c>
      <c r="D136" s="54">
        <v>0.57243535158874692</v>
      </c>
      <c r="E136" s="276">
        <v>0.28258099746308951</v>
      </c>
      <c r="F136" s="285">
        <v>1.0020424310135209E-2</v>
      </c>
      <c r="G136" s="276">
        <v>0.28293823399129303</v>
      </c>
      <c r="H136" s="285">
        <v>1.0024254790540615E-2</v>
      </c>
      <c r="I136" s="52">
        <v>7990</v>
      </c>
      <c r="J136" s="53">
        <v>67.270151919080575</v>
      </c>
      <c r="K136" s="54">
        <v>0.57884070786315656</v>
      </c>
      <c r="L136" s="276">
        <v>0.28677329112470668</v>
      </c>
      <c r="M136" s="285">
        <v>1.0117643229767381E-2</v>
      </c>
      <c r="N136" s="276">
        <v>0.29354433816928344</v>
      </c>
      <c r="O136" s="285">
        <v>1.0187599956506331E-2</v>
      </c>
      <c r="P136" s="52">
        <v>8003</v>
      </c>
      <c r="Q136" s="53">
        <v>67.962884165504974</v>
      </c>
      <c r="R136" s="54">
        <v>0.55694320306122014</v>
      </c>
      <c r="S136" s="276">
        <v>0.27420888980397512</v>
      </c>
      <c r="T136" s="285">
        <v>9.972343393894318E-3</v>
      </c>
      <c r="U136" s="276">
        <v>0.29621764188244731</v>
      </c>
      <c r="V136" s="285">
        <v>1.020617314798287E-2</v>
      </c>
    </row>
    <row r="137" spans="1:22" s="5" customFormat="1">
      <c r="A137" s="47" t="s">
        <v>569</v>
      </c>
      <c r="B137" s="72">
        <v>5433</v>
      </c>
      <c r="C137" s="73">
        <v>65.965242288947024</v>
      </c>
      <c r="D137" s="74">
        <v>0.67391861909208828</v>
      </c>
      <c r="E137" s="282">
        <v>0.30387716571964324</v>
      </c>
      <c r="F137" s="283">
        <v>1.2476718335964102E-2</v>
      </c>
      <c r="G137" s="282">
        <v>0.24560440349949228</v>
      </c>
      <c r="H137" s="283">
        <v>1.1678296774819727E-2</v>
      </c>
      <c r="I137" s="72">
        <v>5411</v>
      </c>
      <c r="J137" s="73">
        <v>66.027357383737936</v>
      </c>
      <c r="K137" s="74">
        <v>0.68438506370365981</v>
      </c>
      <c r="L137" s="282">
        <v>0.30668921301811108</v>
      </c>
      <c r="M137" s="283">
        <v>1.2534307562979453E-2</v>
      </c>
      <c r="N137" s="282">
        <v>0.26276893737096102</v>
      </c>
      <c r="O137" s="283">
        <v>1.1965000882330911E-2</v>
      </c>
      <c r="P137" s="72">
        <v>5411</v>
      </c>
      <c r="Q137" s="73">
        <v>67.384141050405887</v>
      </c>
      <c r="R137" s="74">
        <v>0.6537985791418055</v>
      </c>
      <c r="S137" s="282">
        <v>0.28580317839931724</v>
      </c>
      <c r="T137" s="283">
        <v>1.228132767565264E-2</v>
      </c>
      <c r="U137" s="282">
        <v>0.27306639242845826</v>
      </c>
      <c r="V137" s="283">
        <v>1.2111430707158385E-2</v>
      </c>
    </row>
    <row r="138" spans="1:22" s="5" customFormat="1">
      <c r="A138" s="55" t="s">
        <v>570</v>
      </c>
      <c r="B138" s="69">
        <v>1662</v>
      </c>
      <c r="C138" s="70">
        <v>63.050415957886258</v>
      </c>
      <c r="D138" s="71">
        <v>1.3661205836817119</v>
      </c>
      <c r="E138" s="279">
        <v>0.35791961831317159</v>
      </c>
      <c r="F138" s="280">
        <v>2.3494781640837608E-2</v>
      </c>
      <c r="G138" s="279">
        <v>0.22863014466726628</v>
      </c>
      <c r="H138" s="280">
        <v>2.0597998610351664E-2</v>
      </c>
      <c r="I138" s="69">
        <v>1655</v>
      </c>
      <c r="J138" s="70">
        <v>63.941783720396458</v>
      </c>
      <c r="K138" s="71">
        <v>1.3654942027383883</v>
      </c>
      <c r="L138" s="279">
        <v>0.34152741560621402</v>
      </c>
      <c r="M138" s="280">
        <v>2.3291915164230195E-2</v>
      </c>
      <c r="N138" s="279">
        <v>0.2505275234545471</v>
      </c>
      <c r="O138" s="280">
        <v>2.1294073888602046E-2</v>
      </c>
      <c r="P138" s="69">
        <v>1652</v>
      </c>
      <c r="Q138" s="70">
        <v>63.539668242181442</v>
      </c>
      <c r="R138" s="71">
        <v>1.318193815308607</v>
      </c>
      <c r="S138" s="279">
        <v>0.33122907306407756</v>
      </c>
      <c r="T138" s="280">
        <v>2.313861872607793E-2</v>
      </c>
      <c r="U138" s="279">
        <v>0.23362437919301127</v>
      </c>
      <c r="V138" s="280">
        <v>2.0815870775420041E-2</v>
      </c>
    </row>
    <row r="139" spans="1:22" s="5" customFormat="1">
      <c r="A139" s="47" t="s">
        <v>571</v>
      </c>
      <c r="B139" s="72">
        <v>3656</v>
      </c>
      <c r="C139" s="73">
        <v>64.473664330373168</v>
      </c>
      <c r="D139" s="74">
        <v>0.85335288641117923</v>
      </c>
      <c r="E139" s="282">
        <v>0.32562804659492378</v>
      </c>
      <c r="F139" s="283">
        <v>1.5494079455502373E-2</v>
      </c>
      <c r="G139" s="282">
        <v>0.2221796784358035</v>
      </c>
      <c r="H139" s="283">
        <v>1.3749693895003462E-2</v>
      </c>
      <c r="I139" s="72">
        <v>3626</v>
      </c>
      <c r="J139" s="73">
        <v>64.236266549033061</v>
      </c>
      <c r="K139" s="74">
        <v>0.86656890840008549</v>
      </c>
      <c r="L139" s="282">
        <v>0.32898519008206739</v>
      </c>
      <c r="M139" s="283">
        <v>1.5598910515569581E-2</v>
      </c>
      <c r="N139" s="282">
        <v>0.23922306683326958</v>
      </c>
      <c r="O139" s="283">
        <v>1.4167248964343952E-2</v>
      </c>
      <c r="P139" s="72">
        <v>3637</v>
      </c>
      <c r="Q139" s="73">
        <v>65.011145327929228</v>
      </c>
      <c r="R139" s="74">
        <v>0.82873523170487395</v>
      </c>
      <c r="S139" s="282">
        <v>0.3263232059673063</v>
      </c>
      <c r="T139" s="283">
        <v>1.5543000052631586E-2</v>
      </c>
      <c r="U139" s="282">
        <v>0.23867712607928013</v>
      </c>
      <c r="V139" s="283">
        <v>1.4134766239635223E-2</v>
      </c>
    </row>
    <row r="140" spans="1:22" s="5" customFormat="1">
      <c r="A140" s="55" t="s">
        <v>572</v>
      </c>
      <c r="B140" s="69">
        <v>4132</v>
      </c>
      <c r="C140" s="70">
        <v>66.653038494845006</v>
      </c>
      <c r="D140" s="71">
        <v>0.79551427412590681</v>
      </c>
      <c r="E140" s="279">
        <v>0.29371724060298421</v>
      </c>
      <c r="F140" s="280">
        <v>1.4167063789721749E-2</v>
      </c>
      <c r="G140" s="279">
        <v>0.26370504363863867</v>
      </c>
      <c r="H140" s="280">
        <v>1.3707099066859525E-2</v>
      </c>
      <c r="I140" s="69">
        <v>4086</v>
      </c>
      <c r="J140" s="70">
        <v>66.063613989483272</v>
      </c>
      <c r="K140" s="71">
        <v>0.80727780952740658</v>
      </c>
      <c r="L140" s="279">
        <v>0.30724976859957293</v>
      </c>
      <c r="M140" s="280">
        <v>1.4430339642010133E-2</v>
      </c>
      <c r="N140" s="279">
        <v>0.27598072016005937</v>
      </c>
      <c r="O140" s="280">
        <v>1.3982646419760341E-2</v>
      </c>
      <c r="P140" s="69">
        <v>4092</v>
      </c>
      <c r="Q140" s="70">
        <v>67.77330610092001</v>
      </c>
      <c r="R140" s="71">
        <v>0.77364433524164822</v>
      </c>
      <c r="S140" s="279">
        <v>0.27941201955429112</v>
      </c>
      <c r="T140" s="280">
        <v>1.4025504589955183E-2</v>
      </c>
      <c r="U140" s="279">
        <v>0.2891188822979549</v>
      </c>
      <c r="V140" s="280">
        <v>1.4170280330166037E-2</v>
      </c>
    </row>
    <row r="141" spans="1:22" s="5" customFormat="1">
      <c r="A141" s="47" t="s">
        <v>573</v>
      </c>
      <c r="B141" s="72">
        <v>3988</v>
      </c>
      <c r="C141" s="73">
        <v>74.012480536700352</v>
      </c>
      <c r="D141" s="74">
        <v>0.70220112658150957</v>
      </c>
      <c r="E141" s="282">
        <v>0.1769252791663499</v>
      </c>
      <c r="F141" s="283">
        <v>1.2088177734479899E-2</v>
      </c>
      <c r="G141" s="282">
        <v>0.37242636557475067</v>
      </c>
      <c r="H141" s="283">
        <v>1.5304444413038297E-2</v>
      </c>
      <c r="I141" s="72">
        <v>3965</v>
      </c>
      <c r="J141" s="73">
        <v>73.93848152190786</v>
      </c>
      <c r="K141" s="74">
        <v>0.71556116513506385</v>
      </c>
      <c r="L141" s="282">
        <v>0.18822709674474225</v>
      </c>
      <c r="M141" s="283">
        <v>1.2417263852464756E-2</v>
      </c>
      <c r="N141" s="282">
        <v>0.3742625764230354</v>
      </c>
      <c r="O141" s="283">
        <v>1.5363962671647443E-2</v>
      </c>
      <c r="P141" s="72">
        <v>3965</v>
      </c>
      <c r="Q141" s="73">
        <v>75.911921439010527</v>
      </c>
      <c r="R141" s="74">
        <v>0.66967911081135334</v>
      </c>
      <c r="S141" s="282">
        <v>0.15441228445348418</v>
      </c>
      <c r="T141" s="283">
        <v>1.1481786904551186E-2</v>
      </c>
      <c r="U141" s="282">
        <v>0.40617149149706405</v>
      </c>
      <c r="V141" s="283">
        <v>1.5591598901788744E-2</v>
      </c>
    </row>
    <row r="142" spans="1:22" s="5" customFormat="1">
      <c r="A142" s="55" t="s">
        <v>579</v>
      </c>
      <c r="B142" s="69">
        <v>9665</v>
      </c>
      <c r="C142" s="70">
        <v>65.989438653861683</v>
      </c>
      <c r="D142" s="71">
        <v>0.52747161682312926</v>
      </c>
      <c r="E142" s="279">
        <v>0.30165410794872383</v>
      </c>
      <c r="F142" s="280">
        <v>9.3360393221857095E-3</v>
      </c>
      <c r="G142" s="279">
        <v>0.25961182385019477</v>
      </c>
      <c r="H142" s="280">
        <v>8.9183637726039863E-3</v>
      </c>
      <c r="I142" s="69">
        <v>9580</v>
      </c>
      <c r="J142" s="70">
        <v>65.851654447534116</v>
      </c>
      <c r="K142" s="71">
        <v>0.5322722073737477</v>
      </c>
      <c r="L142" s="279">
        <v>0.30639529948080702</v>
      </c>
      <c r="M142" s="280">
        <v>9.418584025395714E-3</v>
      </c>
      <c r="N142" s="279">
        <v>0.27040234915806693</v>
      </c>
      <c r="O142" s="280">
        <v>9.0751111721500913E-3</v>
      </c>
      <c r="P142" s="69">
        <v>9595</v>
      </c>
      <c r="Q142" s="70">
        <v>67.156873479207874</v>
      </c>
      <c r="R142" s="71">
        <v>0.51027956303847832</v>
      </c>
      <c r="S142" s="279">
        <v>0.28626260840482454</v>
      </c>
      <c r="T142" s="280">
        <v>9.228029816993456E-3</v>
      </c>
      <c r="U142" s="279">
        <v>0.2793126266015209</v>
      </c>
      <c r="V142" s="280">
        <v>9.1596633766328466E-3</v>
      </c>
    </row>
    <row r="143" spans="1:22" s="5" customFormat="1">
      <c r="A143" s="47" t="s">
        <v>585</v>
      </c>
      <c r="B143" s="72">
        <v>1555</v>
      </c>
      <c r="C143" s="73">
        <v>68.746677309012384</v>
      </c>
      <c r="D143" s="74">
        <v>1.2682011327246938</v>
      </c>
      <c r="E143" s="282">
        <v>0.26554626540362464</v>
      </c>
      <c r="F143" s="283">
        <v>2.2385803442850735E-2</v>
      </c>
      <c r="G143" s="282">
        <v>0.2763030706286092</v>
      </c>
      <c r="H143" s="283">
        <v>2.2665039269399043E-2</v>
      </c>
      <c r="I143" s="72">
        <v>1546</v>
      </c>
      <c r="J143" s="73">
        <v>68.61289376718716</v>
      </c>
      <c r="K143" s="74">
        <v>1.31259761426916</v>
      </c>
      <c r="L143" s="282">
        <v>0.27160164624117872</v>
      </c>
      <c r="M143" s="283">
        <v>2.2610479298687244E-2</v>
      </c>
      <c r="N143" s="282">
        <v>0.2966196156935908</v>
      </c>
      <c r="O143" s="283">
        <v>2.3215658412039913E-2</v>
      </c>
      <c r="P143" s="72">
        <v>1541</v>
      </c>
      <c r="Q143" s="73">
        <v>69.079855827994692</v>
      </c>
      <c r="R143" s="74">
        <v>1.2575580964498174</v>
      </c>
      <c r="S143" s="282">
        <v>0.26711061703989447</v>
      </c>
      <c r="T143" s="283">
        <v>2.2528975258675418E-2</v>
      </c>
      <c r="U143" s="282">
        <v>0.30372439071744933</v>
      </c>
      <c r="V143" s="283">
        <v>2.3409958580958366E-2</v>
      </c>
    </row>
    <row r="144" spans="1:22" s="5" customFormat="1">
      <c r="A144" s="55" t="s">
        <v>586</v>
      </c>
      <c r="B144" s="69">
        <v>921</v>
      </c>
      <c r="C144" s="70">
        <v>68.244131373043203</v>
      </c>
      <c r="D144" s="71">
        <v>1.5876991481875531</v>
      </c>
      <c r="E144" s="279">
        <v>0.27347602504528945</v>
      </c>
      <c r="F144" s="280">
        <v>2.9344530743002525E-2</v>
      </c>
      <c r="G144" s="279">
        <v>0.2677362394978845</v>
      </c>
      <c r="H144" s="280">
        <v>2.9151540737241379E-2</v>
      </c>
      <c r="I144" s="69">
        <v>916</v>
      </c>
      <c r="J144" s="70">
        <v>68.605568675549662</v>
      </c>
      <c r="K144" s="71">
        <v>1.6102371022695321</v>
      </c>
      <c r="L144" s="279">
        <v>0.27330270123222861</v>
      </c>
      <c r="M144" s="280">
        <v>2.9418586796235206E-2</v>
      </c>
      <c r="N144" s="279">
        <v>0.29000245805517549</v>
      </c>
      <c r="O144" s="280">
        <v>2.9948046900963504E-2</v>
      </c>
      <c r="P144" s="69">
        <v>910</v>
      </c>
      <c r="Q144" s="70">
        <v>68.422233195689046</v>
      </c>
      <c r="R144" s="71">
        <v>1.5762586034020416</v>
      </c>
      <c r="S144" s="279">
        <v>0.26924548027861256</v>
      </c>
      <c r="T144" s="280">
        <v>2.9378492435651934E-2</v>
      </c>
      <c r="U144" s="279">
        <v>0.2794370432463813</v>
      </c>
      <c r="V144" s="280">
        <v>2.9716151963104384E-2</v>
      </c>
    </row>
    <row r="145" spans="1:45" s="5" customFormat="1">
      <c r="A145" s="47" t="s">
        <v>584</v>
      </c>
      <c r="B145" s="72">
        <v>311</v>
      </c>
      <c r="C145" s="73">
        <v>62.829776841190764</v>
      </c>
      <c r="D145" s="74">
        <v>3.1525319130478877</v>
      </c>
      <c r="E145" s="282">
        <v>0.37199630073248591</v>
      </c>
      <c r="F145" s="283">
        <v>5.4514135233483495E-2</v>
      </c>
      <c r="G145" s="282">
        <v>0.22297172368283671</v>
      </c>
      <c r="H145" s="283">
        <v>4.7166308926391835E-2</v>
      </c>
      <c r="I145" s="72">
        <v>305</v>
      </c>
      <c r="J145" s="73">
        <v>63.059394853896229</v>
      </c>
      <c r="K145" s="74">
        <v>3.2032997633415832</v>
      </c>
      <c r="L145" s="282">
        <v>0.37345608252149737</v>
      </c>
      <c r="M145" s="283">
        <v>5.5084347091439827E-2</v>
      </c>
      <c r="N145" s="282">
        <v>0.25365961143559945</v>
      </c>
      <c r="O145" s="283">
        <v>4.9708189262300612E-2</v>
      </c>
      <c r="P145" s="72">
        <v>306</v>
      </c>
      <c r="Q145" s="73">
        <v>63.335771273918581</v>
      </c>
      <c r="R145" s="74">
        <v>3.254138962869253</v>
      </c>
      <c r="S145" s="282">
        <v>0.35882482239189734</v>
      </c>
      <c r="T145" s="283">
        <v>5.4545699649277427E-2</v>
      </c>
      <c r="U145" s="282">
        <v>0.2766590912786725</v>
      </c>
      <c r="V145" s="283">
        <v>5.0977261141628663E-2</v>
      </c>
    </row>
    <row r="146" spans="1:45" s="5" customFormat="1">
      <c r="A146" s="55" t="s">
        <v>587</v>
      </c>
      <c r="B146" s="69">
        <v>13095</v>
      </c>
      <c r="C146" s="70">
        <v>66.861324477535192</v>
      </c>
      <c r="D146" s="71">
        <v>0.44129179213885483</v>
      </c>
      <c r="E146" s="279">
        <v>0.28976558912906625</v>
      </c>
      <c r="F146" s="280">
        <v>7.9280003384886687E-3</v>
      </c>
      <c r="G146" s="279">
        <v>0.26598215607601117</v>
      </c>
      <c r="H146" s="280">
        <v>7.7219622793002858E-3</v>
      </c>
      <c r="I146" s="69">
        <v>12998</v>
      </c>
      <c r="J146" s="70">
        <v>66.791004704139183</v>
      </c>
      <c r="K146" s="71">
        <v>0.44694842919278993</v>
      </c>
      <c r="L146" s="279">
        <v>0.29430582081700746</v>
      </c>
      <c r="M146" s="280">
        <v>7.9939204253189015E-3</v>
      </c>
      <c r="N146" s="279">
        <v>0.27928402193645768</v>
      </c>
      <c r="O146" s="280">
        <v>7.8697758723802972E-3</v>
      </c>
      <c r="P146" s="69">
        <v>13014</v>
      </c>
      <c r="Q146" s="70">
        <v>67.823398705913092</v>
      </c>
      <c r="R146" s="71">
        <v>0.42794420361991475</v>
      </c>
      <c r="S146" s="279">
        <v>0.2780757815126948</v>
      </c>
      <c r="T146" s="280">
        <v>7.8544898293527888E-3</v>
      </c>
      <c r="U146" s="279">
        <v>0.28532061027468419</v>
      </c>
      <c r="V146" s="280">
        <v>7.9160807694591655E-3</v>
      </c>
    </row>
    <row r="148" spans="1:45" customFormat="1" ht="18.75">
      <c r="A148" s="338" t="s">
        <v>247</v>
      </c>
      <c r="B148" s="338"/>
      <c r="C148" s="338"/>
      <c r="D148" s="338"/>
      <c r="E148" s="338"/>
      <c r="F148" s="338"/>
      <c r="G148" s="338"/>
      <c r="H148" s="338"/>
      <c r="I148" s="338"/>
      <c r="J148" s="338"/>
      <c r="K148" s="338"/>
      <c r="L148" s="230"/>
      <c r="M148" s="230"/>
      <c r="N148" s="230"/>
      <c r="O148" s="230"/>
      <c r="P148" s="248"/>
      <c r="Q148" s="248"/>
      <c r="R148" s="248"/>
      <c r="S148" s="248"/>
    </row>
    <row r="149" spans="1:45" customFormat="1" ht="69.75" customHeight="1">
      <c r="A149" s="341" t="s">
        <v>542</v>
      </c>
      <c r="B149" s="341"/>
      <c r="C149" s="341"/>
      <c r="D149" s="341"/>
      <c r="E149" s="341"/>
      <c r="F149" s="341"/>
      <c r="G149" s="341"/>
      <c r="H149" s="341"/>
      <c r="I149" s="341"/>
      <c r="J149" s="341"/>
      <c r="K149" s="341"/>
      <c r="L149" s="255"/>
      <c r="M149" s="255"/>
      <c r="N149" s="255"/>
      <c r="O149" s="255"/>
      <c r="P149" s="248"/>
      <c r="Q149" s="248"/>
      <c r="R149" s="248"/>
      <c r="S149" s="248"/>
    </row>
    <row r="150" spans="1:45" customFormat="1" ht="49.5" customHeight="1">
      <c r="A150" s="344" t="s">
        <v>248</v>
      </c>
      <c r="B150" s="345"/>
      <c r="C150" s="345"/>
      <c r="D150" s="346"/>
      <c r="E150" s="344" t="s">
        <v>323</v>
      </c>
      <c r="F150" s="345"/>
      <c r="G150" s="345"/>
      <c r="H150" s="345"/>
      <c r="I150" s="345"/>
      <c r="J150" s="345"/>
      <c r="K150" s="346"/>
      <c r="L150" s="298"/>
      <c r="M150" s="298"/>
      <c r="N150" s="298"/>
      <c r="O150" s="298"/>
      <c r="P150" s="298"/>
      <c r="Q150" s="298"/>
      <c r="R150" s="298"/>
      <c r="S150" s="298"/>
      <c r="T150" s="298"/>
      <c r="U150" s="298"/>
      <c r="V150" s="298"/>
      <c r="W150" s="298"/>
      <c r="X150" s="298"/>
      <c r="Y150" s="298"/>
      <c r="Z150" s="298"/>
      <c r="AA150" s="298"/>
      <c r="AB150" s="298"/>
      <c r="AC150" s="298"/>
      <c r="AD150" s="298"/>
      <c r="AE150" s="298"/>
      <c r="AF150" s="298"/>
      <c r="AG150" s="298"/>
      <c r="AH150" s="298"/>
      <c r="AI150" s="298"/>
      <c r="AJ150" s="298"/>
      <c r="AK150" s="298"/>
      <c r="AL150" s="298"/>
      <c r="AM150" s="298"/>
      <c r="AN150" s="298"/>
      <c r="AO150" s="298"/>
      <c r="AP150" s="298"/>
      <c r="AQ150" s="298"/>
      <c r="AR150" s="298"/>
      <c r="AS150" s="298"/>
    </row>
    <row r="151" spans="1:45" customFormat="1" ht="72">
      <c r="A151" s="35" t="s">
        <v>70</v>
      </c>
      <c r="B151" s="36" t="s">
        <v>71</v>
      </c>
      <c r="C151" s="37" t="s">
        <v>550</v>
      </c>
      <c r="D151" s="38" t="s">
        <v>72</v>
      </c>
      <c r="E151" s="63" t="s">
        <v>71</v>
      </c>
      <c r="F151" s="63" t="s">
        <v>279</v>
      </c>
      <c r="G151" s="86" t="s">
        <v>282</v>
      </c>
      <c r="H151" s="63" t="s">
        <v>280</v>
      </c>
      <c r="I151" s="86" t="s">
        <v>283</v>
      </c>
      <c r="J151" s="63" t="s">
        <v>281</v>
      </c>
      <c r="K151" s="86" t="s">
        <v>284</v>
      </c>
    </row>
    <row r="152" spans="1:45" customFormat="1" ht="60">
      <c r="A152" s="39"/>
      <c r="B152" s="40" t="s">
        <v>73</v>
      </c>
      <c r="C152" s="41" t="s">
        <v>356</v>
      </c>
      <c r="D152" s="42" t="s">
        <v>75</v>
      </c>
      <c r="E152" s="66" t="s">
        <v>73</v>
      </c>
      <c r="F152" s="66" t="s">
        <v>455</v>
      </c>
      <c r="G152" s="88" t="s">
        <v>87</v>
      </c>
      <c r="H152" s="66" t="s">
        <v>456</v>
      </c>
      <c r="I152" s="88" t="s">
        <v>87</v>
      </c>
      <c r="J152" s="66" t="s">
        <v>457</v>
      </c>
      <c r="K152" s="88" t="s">
        <v>87</v>
      </c>
    </row>
    <row r="153" spans="1:45" customFormat="1">
      <c r="A153" s="43" t="s">
        <v>348</v>
      </c>
      <c r="B153" s="149">
        <v>6468</v>
      </c>
      <c r="C153" s="82">
        <v>6.800068182731672</v>
      </c>
      <c r="D153" s="83">
        <v>5.681447164843071E-2</v>
      </c>
      <c r="E153" s="81">
        <v>6468</v>
      </c>
      <c r="F153" s="96">
        <v>0.36827973299306516</v>
      </c>
      <c r="G153" s="92">
        <v>1.1991736213723708E-2</v>
      </c>
      <c r="H153" s="96">
        <v>0.27035640952930895</v>
      </c>
      <c r="I153" s="92">
        <v>1.1043486020605384E-2</v>
      </c>
      <c r="J153" s="96">
        <v>0.36136385747762279</v>
      </c>
      <c r="K153" s="92">
        <v>1.1943515867995757E-2</v>
      </c>
    </row>
    <row r="154" spans="1:45" customFormat="1">
      <c r="A154" s="47" t="s">
        <v>349</v>
      </c>
      <c r="B154" s="47">
        <v>5924</v>
      </c>
      <c r="C154" s="151">
        <v>6.7993681235548804</v>
      </c>
      <c r="D154" s="152">
        <v>5.9403315274579149E-2</v>
      </c>
      <c r="E154" s="123">
        <v>5924</v>
      </c>
      <c r="F154" s="147">
        <v>0.36765683379411906</v>
      </c>
      <c r="G154" s="95">
        <v>1.252551821664807E-2</v>
      </c>
      <c r="H154" s="148">
        <v>0.27224640288971447</v>
      </c>
      <c r="I154" s="95">
        <v>1.1564472727911175E-2</v>
      </c>
      <c r="J154" s="148">
        <v>0.36009676331617407</v>
      </c>
      <c r="K154" s="95">
        <v>1.2470031271905732E-2</v>
      </c>
    </row>
    <row r="155" spans="1:45" customFormat="1">
      <c r="A155" s="43" t="s">
        <v>350</v>
      </c>
      <c r="B155" s="51">
        <v>544</v>
      </c>
      <c r="C155" s="82">
        <v>6.8023257744976577</v>
      </c>
      <c r="D155" s="83">
        <v>0.19457927431811514</v>
      </c>
      <c r="E155" s="81">
        <v>544</v>
      </c>
      <c r="F155" s="96">
        <v>0.37028849475106418</v>
      </c>
      <c r="G155" s="92">
        <v>4.1277028349586686E-2</v>
      </c>
      <c r="H155" s="96">
        <v>0.26426144843183563</v>
      </c>
      <c r="I155" s="92">
        <v>3.7750202223659338E-2</v>
      </c>
      <c r="J155" s="96">
        <v>0.3654500568170983</v>
      </c>
      <c r="K155" s="92">
        <v>4.1165469517478494E-2</v>
      </c>
    </row>
    <row r="156" spans="1:45" customFormat="1">
      <c r="A156" s="47" t="s">
        <v>574</v>
      </c>
      <c r="B156" s="47">
        <v>1147</v>
      </c>
      <c r="C156" s="151">
        <v>6.8426231727788913</v>
      </c>
      <c r="D156" s="152">
        <v>0.1333582022054961</v>
      </c>
      <c r="E156" s="123">
        <v>1147</v>
      </c>
      <c r="F156" s="147">
        <v>0.36265163727510003</v>
      </c>
      <c r="G156" s="95">
        <v>2.8349703827428949E-2</v>
      </c>
      <c r="H156" s="148">
        <v>0.26528320844432796</v>
      </c>
      <c r="I156" s="95">
        <v>2.6051494680581485E-2</v>
      </c>
      <c r="J156" s="148">
        <v>0.37206515428057008</v>
      </c>
      <c r="K156" s="95">
        <v>2.8501298661463042E-2</v>
      </c>
    </row>
    <row r="157" spans="1:45" customFormat="1">
      <c r="A157" s="43" t="s">
        <v>575</v>
      </c>
      <c r="B157" s="51">
        <v>3193</v>
      </c>
      <c r="C157" s="82">
        <v>6.7665518852231425</v>
      </c>
      <c r="D157" s="83">
        <v>8.1257603082361976E-2</v>
      </c>
      <c r="E157" s="81">
        <v>3193</v>
      </c>
      <c r="F157" s="96">
        <v>0.37379698411259876</v>
      </c>
      <c r="G157" s="92">
        <v>1.7114771243045657E-2</v>
      </c>
      <c r="H157" s="96">
        <v>0.2668327902346706</v>
      </c>
      <c r="I157" s="92">
        <v>1.5650587759197643E-2</v>
      </c>
      <c r="J157" s="96">
        <v>0.35937022565272947</v>
      </c>
      <c r="K157" s="92">
        <v>1.6973833063472856E-2</v>
      </c>
    </row>
    <row r="158" spans="1:45" customFormat="1">
      <c r="A158" s="47" t="s">
        <v>576</v>
      </c>
      <c r="B158" s="47">
        <v>1784</v>
      </c>
      <c r="C158" s="151">
        <v>6.781920905839562</v>
      </c>
      <c r="D158" s="152">
        <v>0.10875085506587288</v>
      </c>
      <c r="E158" s="123">
        <v>1784</v>
      </c>
      <c r="F158" s="147">
        <v>0.37163248976933583</v>
      </c>
      <c r="G158" s="95">
        <v>2.2860114826204203E-2</v>
      </c>
      <c r="H158" s="148">
        <v>0.27667535691678941</v>
      </c>
      <c r="I158" s="95">
        <v>2.1170924915130229E-2</v>
      </c>
      <c r="J158" s="148">
        <v>0.35169215331387316</v>
      </c>
      <c r="K158" s="95">
        <v>2.2589770463872803E-2</v>
      </c>
    </row>
    <row r="159" spans="1:45" customFormat="1">
      <c r="A159" s="43" t="s">
        <v>577</v>
      </c>
      <c r="B159" s="51">
        <v>237</v>
      </c>
      <c r="C159" s="82">
        <v>6.6260076567077597</v>
      </c>
      <c r="D159" s="83">
        <v>0.2947992129701576</v>
      </c>
      <c r="E159" s="81">
        <v>237</v>
      </c>
      <c r="F159" s="96">
        <v>0.38507777270425086</v>
      </c>
      <c r="G159" s="92">
        <v>6.2748613114332927E-2</v>
      </c>
      <c r="H159" s="96">
        <v>0.30234159906022084</v>
      </c>
      <c r="I159" s="92">
        <v>5.9348787600409666E-2</v>
      </c>
      <c r="J159" s="96">
        <v>0.31258062823552912</v>
      </c>
      <c r="K159" s="92">
        <v>5.987959033517528E-2</v>
      </c>
    </row>
    <row r="160" spans="1:45" customFormat="1">
      <c r="A160" s="47" t="s">
        <v>578</v>
      </c>
      <c r="B160" s="47">
        <v>82</v>
      </c>
      <c r="C160" s="151">
        <v>7.319986316922841</v>
      </c>
      <c r="D160" s="152">
        <v>0.46647216026642385</v>
      </c>
      <c r="E160" s="123">
        <v>82</v>
      </c>
      <c r="F160" s="147">
        <v>0.22001618431731923</v>
      </c>
      <c r="G160" s="95">
        <v>9.1176204963976382E-2</v>
      </c>
      <c r="H160" s="148">
        <v>0.42255890556688341</v>
      </c>
      <c r="I160" s="95">
        <v>0.10665043421545536</v>
      </c>
      <c r="J160" s="148">
        <v>0.35742491011579725</v>
      </c>
      <c r="K160" s="95">
        <v>0.10377061309440211</v>
      </c>
    </row>
    <row r="161" spans="1:11" customFormat="1">
      <c r="A161" s="43" t="s">
        <v>581</v>
      </c>
      <c r="B161" s="51">
        <v>4078</v>
      </c>
      <c r="C161" s="82">
        <v>6.7785408374546945</v>
      </c>
      <c r="D161" s="83">
        <v>7.187568603173225E-2</v>
      </c>
      <c r="E161" s="81">
        <v>4078</v>
      </c>
      <c r="F161" s="96">
        <v>0.37438191880166855</v>
      </c>
      <c r="G161" s="92">
        <v>1.5150753416988556E-2</v>
      </c>
      <c r="H161" s="96">
        <v>0.26642907908327751</v>
      </c>
      <c r="I161" s="92">
        <v>1.3842803744584204E-2</v>
      </c>
      <c r="J161" s="96">
        <v>0.35918900211505667</v>
      </c>
      <c r="K161" s="92">
        <v>1.501953986834869E-2</v>
      </c>
    </row>
    <row r="162" spans="1:11" customFormat="1">
      <c r="A162" s="47" t="s">
        <v>580</v>
      </c>
      <c r="B162" s="47">
        <v>2390</v>
      </c>
      <c r="C162" s="151">
        <v>6.8894426805973392</v>
      </c>
      <c r="D162" s="152">
        <v>9.2726466377511182E-2</v>
      </c>
      <c r="E162" s="123">
        <v>2390</v>
      </c>
      <c r="F162" s="147">
        <v>0.34294545301051771</v>
      </c>
      <c r="G162" s="95">
        <v>1.9407094057788003E-2</v>
      </c>
      <c r="H162" s="148">
        <v>0.28666140125269496</v>
      </c>
      <c r="I162" s="95">
        <v>1.8491055736867643E-2</v>
      </c>
      <c r="J162" s="148">
        <v>0.37039314573678817</v>
      </c>
      <c r="K162" s="95">
        <v>1.9741781276466603E-2</v>
      </c>
    </row>
    <row r="163" spans="1:11" customFormat="1">
      <c r="A163" s="43" t="s">
        <v>583</v>
      </c>
      <c r="B163" s="149">
        <v>564</v>
      </c>
      <c r="C163" s="82">
        <v>6.7314306186173978</v>
      </c>
      <c r="D163" s="83">
        <v>0.20003022688122829</v>
      </c>
      <c r="E163" s="81">
        <v>564</v>
      </c>
      <c r="F163" s="96">
        <v>0.35691551031951524</v>
      </c>
      <c r="G163" s="92">
        <v>4.0229462261253623E-2</v>
      </c>
      <c r="H163" s="96">
        <v>0.29424524702894167</v>
      </c>
      <c r="I163" s="92">
        <v>3.8296393199736579E-2</v>
      </c>
      <c r="J163" s="96">
        <v>0.34883924265154248</v>
      </c>
      <c r="K163" s="92">
        <v>4.002385883911963E-2</v>
      </c>
    </row>
    <row r="164" spans="1:11" customFormat="1">
      <c r="A164" s="47" t="s">
        <v>582</v>
      </c>
      <c r="B164" s="150">
        <v>1826</v>
      </c>
      <c r="C164" s="151">
        <v>6.9535768703790382</v>
      </c>
      <c r="D164" s="152">
        <v>0.10427457433344048</v>
      </c>
      <c r="E164" s="123">
        <v>1826</v>
      </c>
      <c r="F164" s="147">
        <v>0.33727526368768901</v>
      </c>
      <c r="G164" s="95">
        <v>2.210933044186492E-2</v>
      </c>
      <c r="H164" s="148">
        <v>0.28358325773507592</v>
      </c>
      <c r="I164" s="95">
        <v>2.1083664634212358E-2</v>
      </c>
      <c r="J164" s="148">
        <v>0.37914147857723501</v>
      </c>
      <c r="K164" s="95">
        <v>2.2686121647527157E-2</v>
      </c>
    </row>
    <row r="165" spans="1:11" customFormat="1">
      <c r="A165" s="43" t="s">
        <v>568</v>
      </c>
      <c r="B165" s="81">
        <v>4306</v>
      </c>
      <c r="C165" s="82">
        <v>6.6648905846743949</v>
      </c>
      <c r="D165" s="83">
        <v>6.9787845938537055E-2</v>
      </c>
      <c r="E165" s="81">
        <v>4306</v>
      </c>
      <c r="F165" s="96">
        <v>0.38978673022484661</v>
      </c>
      <c r="G165" s="92">
        <v>1.4858202833354589E-2</v>
      </c>
      <c r="H165" s="96">
        <v>0.27791721997423485</v>
      </c>
      <c r="I165" s="92">
        <v>1.3650280433330199E-2</v>
      </c>
      <c r="J165" s="96">
        <v>0.33229604980091998</v>
      </c>
      <c r="K165" s="92">
        <v>1.4351489710618885E-2</v>
      </c>
    </row>
    <row r="166" spans="1:11" customFormat="1">
      <c r="A166" s="47" t="s">
        <v>569</v>
      </c>
      <c r="B166" s="150">
        <v>2099</v>
      </c>
      <c r="C166" s="151">
        <v>6.9975071651163985</v>
      </c>
      <c r="D166" s="152">
        <v>9.8281557284496543E-2</v>
      </c>
      <c r="E166" s="123">
        <v>2099</v>
      </c>
      <c r="F166" s="147">
        <v>0.3343695967776521</v>
      </c>
      <c r="G166" s="95">
        <v>2.057984136638415E-2</v>
      </c>
      <c r="H166" s="148">
        <v>0.26533704046716311</v>
      </c>
      <c r="I166" s="95">
        <v>1.9265770161038573E-2</v>
      </c>
      <c r="J166" s="148">
        <v>0.40029336275518385</v>
      </c>
      <c r="K166" s="95">
        <v>2.1369932728492105E-2</v>
      </c>
    </row>
    <row r="167" spans="1:11" customFormat="1">
      <c r="A167" s="55" t="s">
        <v>570</v>
      </c>
      <c r="B167" s="149">
        <v>411</v>
      </c>
      <c r="C167" s="82">
        <v>6.3442293870891273</v>
      </c>
      <c r="D167" s="83">
        <v>0.21911334735427232</v>
      </c>
      <c r="E167" s="81">
        <v>411</v>
      </c>
      <c r="F167" s="96">
        <v>0.44308294822516353</v>
      </c>
      <c r="G167" s="92">
        <v>4.8775126727344881E-2</v>
      </c>
      <c r="H167" s="96">
        <v>0.28924123663552381</v>
      </c>
      <c r="I167" s="92">
        <v>4.4606217283476336E-2</v>
      </c>
      <c r="J167" s="96">
        <v>0.26767581513931332</v>
      </c>
      <c r="K167" s="92">
        <v>4.3581905343176582E-2</v>
      </c>
    </row>
    <row r="168" spans="1:11" customFormat="1">
      <c r="A168" s="47" t="s">
        <v>571</v>
      </c>
      <c r="B168" s="150">
        <v>1679</v>
      </c>
      <c r="C168" s="151">
        <v>6.3656193195354485</v>
      </c>
      <c r="D168" s="152">
        <v>0.11289413228337004</v>
      </c>
      <c r="E168" s="123">
        <v>1679</v>
      </c>
      <c r="F168" s="147">
        <v>0.42054805401062301</v>
      </c>
      <c r="G168" s="95">
        <v>2.406751047019513E-2</v>
      </c>
      <c r="H168" s="148">
        <v>0.30079404104182694</v>
      </c>
      <c r="I168" s="95">
        <v>2.2367608341394715E-2</v>
      </c>
      <c r="J168" s="148">
        <v>0.2786579049475455</v>
      </c>
      <c r="K168" s="95">
        <v>2.1869829405334183E-2</v>
      </c>
    </row>
    <row r="169" spans="1:11" customFormat="1">
      <c r="A169" s="55" t="s">
        <v>572</v>
      </c>
      <c r="B169" s="149">
        <v>2299</v>
      </c>
      <c r="C169" s="82">
        <v>6.7337945536845112</v>
      </c>
      <c r="D169" s="83">
        <v>9.663089425654621E-2</v>
      </c>
      <c r="E169" s="81">
        <v>2299</v>
      </c>
      <c r="F169" s="96">
        <v>0.382736824275069</v>
      </c>
      <c r="G169" s="92">
        <v>2.025872909492801E-2</v>
      </c>
      <c r="H169" s="96">
        <v>0.2637861852193264</v>
      </c>
      <c r="I169" s="92">
        <v>1.8375004685112443E-2</v>
      </c>
      <c r="J169" s="96">
        <v>0.35347699050559961</v>
      </c>
      <c r="K169" s="92">
        <v>1.9926287104389109E-2</v>
      </c>
    </row>
    <row r="170" spans="1:11" customFormat="1">
      <c r="A170" s="47" t="s">
        <v>573</v>
      </c>
      <c r="B170" s="150">
        <v>1979</v>
      </c>
      <c r="C170" s="151">
        <v>7.5983492267887307</v>
      </c>
      <c r="D170" s="152">
        <v>9.3458930266732368E-2</v>
      </c>
      <c r="E170" s="123">
        <v>1979</v>
      </c>
      <c r="F170" s="147">
        <v>0.25007685284233239</v>
      </c>
      <c r="G170" s="95">
        <v>1.9462787829705255E-2</v>
      </c>
      <c r="H170" s="148">
        <v>0.24684509088470302</v>
      </c>
      <c r="I170" s="95">
        <v>1.937869433871444E-2</v>
      </c>
      <c r="J170" s="148">
        <v>0.50307805627296642</v>
      </c>
      <c r="K170" s="95">
        <v>2.2455899011413007E-2</v>
      </c>
    </row>
    <row r="171" spans="1:11" customFormat="1">
      <c r="A171" s="55" t="s">
        <v>579</v>
      </c>
      <c r="B171" s="149">
        <v>5380</v>
      </c>
      <c r="C171" s="82">
        <v>6.7540378677687514</v>
      </c>
      <c r="D171" s="83">
        <v>6.2545327924660832E-2</v>
      </c>
      <c r="E171" s="81">
        <v>5380</v>
      </c>
      <c r="F171" s="96">
        <v>0.37532203414959109</v>
      </c>
      <c r="G171" s="92">
        <v>1.319863375224275E-2</v>
      </c>
      <c r="H171" s="96">
        <v>0.27070006528467871</v>
      </c>
      <c r="I171" s="92">
        <v>1.2113248319749232E-2</v>
      </c>
      <c r="J171" s="96">
        <v>0.35397790056573719</v>
      </c>
      <c r="K171" s="92">
        <v>1.3035248173690336E-2</v>
      </c>
    </row>
    <row r="172" spans="1:11" customFormat="1">
      <c r="A172" s="47" t="s">
        <v>585</v>
      </c>
      <c r="B172" s="150">
        <v>760</v>
      </c>
      <c r="C172" s="151">
        <v>7.1424527326713561</v>
      </c>
      <c r="D172" s="152">
        <v>0.16004569742465216</v>
      </c>
      <c r="E172" s="123">
        <v>760</v>
      </c>
      <c r="F172" s="147">
        <v>0.30153186519524455</v>
      </c>
      <c r="G172" s="95">
        <v>3.3238923777161526E-2</v>
      </c>
      <c r="H172" s="148">
        <v>0.30002306665449308</v>
      </c>
      <c r="I172" s="95">
        <v>3.3192038523761562E-2</v>
      </c>
      <c r="J172" s="148">
        <v>0.39844506815026237</v>
      </c>
      <c r="K172" s="95">
        <v>3.5432577880328053E-2</v>
      </c>
    </row>
    <row r="173" spans="1:11" customFormat="1">
      <c r="A173" s="55" t="s">
        <v>586</v>
      </c>
      <c r="B173" s="149">
        <v>257</v>
      </c>
      <c r="C173" s="82">
        <v>6.9172776397239488</v>
      </c>
      <c r="D173" s="83">
        <v>0.2752840511085472</v>
      </c>
      <c r="E173" s="81">
        <v>257</v>
      </c>
      <c r="F173" s="96">
        <v>0.36056483794796823</v>
      </c>
      <c r="G173" s="92">
        <v>5.9519042639161426E-2</v>
      </c>
      <c r="H173" s="96">
        <v>0.24961117843252223</v>
      </c>
      <c r="I173" s="92">
        <v>5.3849852982575996E-2</v>
      </c>
      <c r="J173" s="96">
        <v>0.38982398361950937</v>
      </c>
      <c r="K173" s="92">
        <v>6.0423849471253017E-2</v>
      </c>
    </row>
    <row r="174" spans="1:11" customFormat="1">
      <c r="A174" s="47" t="s">
        <v>584</v>
      </c>
      <c r="B174" s="150">
        <v>116</v>
      </c>
      <c r="C174" s="151">
        <v>5.7612001514620736</v>
      </c>
      <c r="D174" s="152">
        <v>0.45123875979635542</v>
      </c>
      <c r="E174" s="123">
        <v>116</v>
      </c>
      <c r="F174" s="147">
        <v>0.50619388568959334</v>
      </c>
      <c r="G174" s="95">
        <v>9.1280547538493573E-2</v>
      </c>
      <c r="H174" s="148">
        <v>0.29995051927301986</v>
      </c>
      <c r="I174" s="95">
        <v>8.4183079285212029E-2</v>
      </c>
      <c r="J174" s="148">
        <v>0.19385559503738661</v>
      </c>
      <c r="K174" s="95">
        <v>7.3579833787119478E-2</v>
      </c>
    </row>
    <row r="175" spans="1:11" customFormat="1">
      <c r="A175" s="55" t="s">
        <v>587</v>
      </c>
      <c r="B175" s="149">
        <v>6256</v>
      </c>
      <c r="C175" s="82">
        <v>6.8324317440160778</v>
      </c>
      <c r="D175" s="83">
        <v>5.7602974602845365E-2</v>
      </c>
      <c r="E175" s="81">
        <v>6256</v>
      </c>
      <c r="F175" s="96">
        <v>0.36163715502780663</v>
      </c>
      <c r="G175" s="92">
        <v>1.214608052439028E-2</v>
      </c>
      <c r="H175" s="96">
        <v>0.27296659127930711</v>
      </c>
      <c r="I175" s="92">
        <v>1.1262811134278137E-2</v>
      </c>
      <c r="J175" s="96">
        <v>0.36539625369288614</v>
      </c>
      <c r="K175" s="92">
        <v>1.2173006808302717E-2</v>
      </c>
    </row>
    <row r="176" spans="1:11" s="244" customFormat="1">
      <c r="A176" s="237"/>
      <c r="B176" s="238"/>
      <c r="C176" s="239"/>
      <c r="D176" s="240"/>
      <c r="E176" s="241"/>
      <c r="F176" s="242"/>
      <c r="G176" s="243"/>
      <c r="H176" s="242"/>
      <c r="I176" s="243"/>
    </row>
    <row r="177" spans="1:22" customFormat="1" ht="18.75">
      <c r="A177" s="337" t="s">
        <v>249</v>
      </c>
      <c r="B177" s="337"/>
      <c r="C177" s="337"/>
      <c r="D177" s="337"/>
      <c r="E177" s="337"/>
      <c r="F177" s="337"/>
      <c r="G177" s="337"/>
      <c r="H177" s="337"/>
      <c r="I177" s="337"/>
      <c r="J177" s="337"/>
      <c r="K177" s="337"/>
      <c r="L177" s="337"/>
      <c r="M177" s="337"/>
      <c r="N177" s="337"/>
      <c r="O177" s="337"/>
      <c r="P177" s="337"/>
      <c r="Q177" s="337"/>
      <c r="R177" s="337"/>
      <c r="S177" s="337"/>
      <c r="T177" s="337"/>
      <c r="U177" s="337"/>
      <c r="V177" s="337"/>
    </row>
    <row r="178" spans="1:22" customFormat="1" ht="80.25" customHeight="1">
      <c r="A178" s="342" t="s">
        <v>543</v>
      </c>
      <c r="B178" s="342"/>
      <c r="C178" s="342"/>
      <c r="D178" s="342"/>
      <c r="E178" s="342"/>
      <c r="F178" s="342"/>
      <c r="G178" s="342"/>
      <c r="H178" s="342"/>
      <c r="I178" s="342"/>
      <c r="J178" s="342"/>
      <c r="K178" s="342"/>
      <c r="L178" s="342"/>
      <c r="M178" s="342"/>
      <c r="N178" s="342"/>
      <c r="O178" s="342"/>
      <c r="P178" s="342"/>
      <c r="Q178" s="342"/>
      <c r="R178" s="342"/>
      <c r="S178" s="342"/>
      <c r="T178" s="342"/>
      <c r="U178" s="342"/>
      <c r="V178" s="342"/>
    </row>
    <row r="179" spans="1:22" customFormat="1" ht="15.75">
      <c r="A179" s="303"/>
      <c r="B179" s="343" t="s">
        <v>285</v>
      </c>
      <c r="C179" s="343"/>
      <c r="D179" s="343"/>
      <c r="E179" s="343"/>
      <c r="F179" s="343"/>
      <c r="G179" s="343"/>
      <c r="H179" s="343"/>
      <c r="I179" s="343" t="s">
        <v>286</v>
      </c>
      <c r="J179" s="343"/>
      <c r="K179" s="343"/>
      <c r="L179" s="343"/>
      <c r="M179" s="343"/>
      <c r="N179" s="343"/>
      <c r="O179" s="343"/>
      <c r="P179" s="343" t="s">
        <v>287</v>
      </c>
      <c r="Q179" s="343"/>
      <c r="R179" s="343"/>
      <c r="S179" s="343"/>
      <c r="T179" s="343"/>
      <c r="U179" s="343"/>
      <c r="V179" s="343"/>
    </row>
    <row r="180" spans="1:22" customFormat="1" ht="72">
      <c r="A180" s="35" t="s">
        <v>70</v>
      </c>
      <c r="B180" s="36" t="s">
        <v>71</v>
      </c>
      <c r="C180" s="36" t="s">
        <v>250</v>
      </c>
      <c r="D180" s="87" t="s">
        <v>253</v>
      </c>
      <c r="E180" s="36" t="s">
        <v>252</v>
      </c>
      <c r="F180" s="87" t="s">
        <v>254</v>
      </c>
      <c r="G180" s="36" t="s">
        <v>251</v>
      </c>
      <c r="H180" s="87" t="s">
        <v>255</v>
      </c>
      <c r="I180" s="63" t="s">
        <v>71</v>
      </c>
      <c r="J180" s="63" t="s">
        <v>256</v>
      </c>
      <c r="K180" s="86" t="s">
        <v>257</v>
      </c>
      <c r="L180" s="63" t="s">
        <v>258</v>
      </c>
      <c r="M180" s="86" t="s">
        <v>259</v>
      </c>
      <c r="N180" s="63" t="s">
        <v>260</v>
      </c>
      <c r="O180" s="86" t="s">
        <v>261</v>
      </c>
      <c r="P180" s="36" t="s">
        <v>71</v>
      </c>
      <c r="Q180" s="36" t="s">
        <v>262</v>
      </c>
      <c r="R180" s="87" t="s">
        <v>263</v>
      </c>
      <c r="S180" s="36" t="s">
        <v>264</v>
      </c>
      <c r="T180" s="87" t="s">
        <v>265</v>
      </c>
      <c r="U180" s="36" t="s">
        <v>266</v>
      </c>
      <c r="V180" s="87" t="s">
        <v>267</v>
      </c>
    </row>
    <row r="181" spans="1:22" customFormat="1" ht="60">
      <c r="A181" s="39"/>
      <c r="B181" s="40" t="s">
        <v>73</v>
      </c>
      <c r="C181" s="40" t="s">
        <v>455</v>
      </c>
      <c r="D181" s="89" t="s">
        <v>87</v>
      </c>
      <c r="E181" s="40" t="s">
        <v>456</v>
      </c>
      <c r="F181" s="89" t="s">
        <v>87</v>
      </c>
      <c r="G181" s="40" t="s">
        <v>457</v>
      </c>
      <c r="H181" s="89" t="s">
        <v>87</v>
      </c>
      <c r="I181" s="66" t="s">
        <v>73</v>
      </c>
      <c r="J181" s="66" t="s">
        <v>455</v>
      </c>
      <c r="K181" s="88" t="s">
        <v>87</v>
      </c>
      <c r="L181" s="66" t="s">
        <v>456</v>
      </c>
      <c r="M181" s="88" t="s">
        <v>87</v>
      </c>
      <c r="N181" s="66" t="s">
        <v>457</v>
      </c>
      <c r="O181" s="88" t="s">
        <v>87</v>
      </c>
      <c r="P181" s="40" t="s">
        <v>73</v>
      </c>
      <c r="Q181" s="40" t="s">
        <v>455</v>
      </c>
      <c r="R181" s="89" t="s">
        <v>87</v>
      </c>
      <c r="S181" s="40" t="s">
        <v>456</v>
      </c>
      <c r="T181" s="89" t="s">
        <v>87</v>
      </c>
      <c r="U181" s="40" t="s">
        <v>457</v>
      </c>
      <c r="V181" s="89" t="s">
        <v>87</v>
      </c>
    </row>
    <row r="182" spans="1:22" customFormat="1">
      <c r="A182" s="43" t="s">
        <v>348</v>
      </c>
      <c r="B182" s="81">
        <v>6503</v>
      </c>
      <c r="C182" s="96">
        <v>0.3578131136007402</v>
      </c>
      <c r="D182" s="92">
        <v>1.1885622044660829E-2</v>
      </c>
      <c r="E182" s="96">
        <v>0.36015068119094584</v>
      </c>
      <c r="F182" s="92">
        <v>1.1902637808332206E-2</v>
      </c>
      <c r="G182" s="96">
        <v>0.28203620520831146</v>
      </c>
      <c r="H182" s="92">
        <v>1.1158502205965213E-2</v>
      </c>
      <c r="I182" s="81">
        <v>6432</v>
      </c>
      <c r="J182" s="96">
        <v>0.7641493206723452</v>
      </c>
      <c r="K182" s="92">
        <v>1.0586053895400674E-2</v>
      </c>
      <c r="L182" s="96">
        <v>0.16459306922831163</v>
      </c>
      <c r="M182" s="92">
        <v>9.2490566270787677E-3</v>
      </c>
      <c r="N182" s="96">
        <v>7.1257610099335469E-2</v>
      </c>
      <c r="O182" s="92">
        <v>6.4244126283592648E-3</v>
      </c>
      <c r="P182" s="81">
        <v>6443</v>
      </c>
      <c r="Q182" s="96">
        <v>0.86899939414504301</v>
      </c>
      <c r="R182" s="92">
        <v>8.4104551550967434E-3</v>
      </c>
      <c r="S182" s="96">
        <v>8.4255579390456817E-2</v>
      </c>
      <c r="T182" s="92">
        <v>6.9285161849068598E-3</v>
      </c>
      <c r="U182" s="96">
        <v>4.6745026464494438E-2</v>
      </c>
      <c r="V182" s="92">
        <v>5.2730487261278686E-3</v>
      </c>
    </row>
    <row r="183" spans="1:22" customFormat="1">
      <c r="A183" s="47" t="s">
        <v>349</v>
      </c>
      <c r="B183" s="155">
        <v>5959</v>
      </c>
      <c r="C183" s="159">
        <v>0.36301915716143268</v>
      </c>
      <c r="D183" s="95">
        <v>1.245515622281324E-2</v>
      </c>
      <c r="E183" s="159">
        <v>0.35211328834267452</v>
      </c>
      <c r="F183" s="95">
        <v>1.2371326041896037E-2</v>
      </c>
      <c r="G183" s="159">
        <v>0.2848675544958999</v>
      </c>
      <c r="H183" s="95">
        <v>1.1691721960768727E-2</v>
      </c>
      <c r="I183" s="155">
        <v>5891</v>
      </c>
      <c r="J183" s="159">
        <v>0.75784562269809086</v>
      </c>
      <c r="K183" s="95">
        <v>1.1161725130409915E-2</v>
      </c>
      <c r="L183" s="159">
        <v>0.16861212839374917</v>
      </c>
      <c r="M183" s="95">
        <v>9.7580939178185232E-3</v>
      </c>
      <c r="N183" s="159">
        <v>7.3542248908162397E-2</v>
      </c>
      <c r="O183" s="95">
        <v>6.8116803447185598E-3</v>
      </c>
      <c r="P183" s="155">
        <v>5900</v>
      </c>
      <c r="Q183" s="159">
        <v>0.86603586133162525</v>
      </c>
      <c r="R183" s="95">
        <v>8.87275428612261E-3</v>
      </c>
      <c r="S183" s="159">
        <v>8.4560147297164101E-2</v>
      </c>
      <c r="T183" s="95">
        <v>7.252861864868951E-3</v>
      </c>
      <c r="U183" s="159">
        <v>4.9403991371211937E-2</v>
      </c>
      <c r="V183" s="95">
        <v>5.6572291914456481E-3</v>
      </c>
    </row>
    <row r="184" spans="1:22" customFormat="1">
      <c r="A184" s="43" t="s">
        <v>350</v>
      </c>
      <c r="B184" s="81">
        <v>544</v>
      </c>
      <c r="C184" s="96">
        <v>0.34092582225704426</v>
      </c>
      <c r="D184" s="92">
        <v>4.0531457360053626E-2</v>
      </c>
      <c r="E184" s="96">
        <v>0.38622226378342661</v>
      </c>
      <c r="F184" s="92">
        <v>4.1613701471487928E-2</v>
      </c>
      <c r="G184" s="96">
        <v>0.27285191395952757</v>
      </c>
      <c r="H184" s="92">
        <v>3.8127162182492569E-2</v>
      </c>
      <c r="I184" s="81">
        <v>541</v>
      </c>
      <c r="J184" s="96">
        <v>0.78443943074302636</v>
      </c>
      <c r="K184" s="92">
        <v>3.5351701874865166E-2</v>
      </c>
      <c r="L184" s="96">
        <v>0.15165667012096176</v>
      </c>
      <c r="M184" s="92">
        <v>3.0940199300461931E-2</v>
      </c>
      <c r="N184" s="96">
        <v>6.3903899136010911E-2</v>
      </c>
      <c r="O184" s="92">
        <v>2.1435044019019314E-2</v>
      </c>
      <c r="P184" s="81">
        <v>543</v>
      </c>
      <c r="Q184" s="96">
        <v>0.87850619510786099</v>
      </c>
      <c r="R184" s="92">
        <v>2.8209287162697199E-2</v>
      </c>
      <c r="S184" s="96">
        <v>8.3278547364490668E-2</v>
      </c>
      <c r="T184" s="92">
        <v>2.4016099820241124E-2</v>
      </c>
      <c r="U184" s="96">
        <v>3.8215257527648129E-2</v>
      </c>
      <c r="V184" s="92">
        <v>1.7073281670986422E-2</v>
      </c>
    </row>
    <row r="185" spans="1:22" customFormat="1">
      <c r="A185" s="47" t="s">
        <v>574</v>
      </c>
      <c r="B185" s="155">
        <v>1151</v>
      </c>
      <c r="C185" s="159">
        <v>0.34560563797115001</v>
      </c>
      <c r="D185" s="95">
        <v>2.7996734758288518E-2</v>
      </c>
      <c r="E185" s="159">
        <v>0.37499311565450083</v>
      </c>
      <c r="F185" s="95">
        <v>2.8496605917579423E-2</v>
      </c>
      <c r="G185" s="159">
        <v>0.27940124637434738</v>
      </c>
      <c r="H185" s="95">
        <v>2.6427892361562434E-2</v>
      </c>
      <c r="I185" s="155">
        <v>1140</v>
      </c>
      <c r="J185" s="159">
        <v>0.77101436820027114</v>
      </c>
      <c r="K185" s="95">
        <v>2.4881814501427617E-2</v>
      </c>
      <c r="L185" s="159">
        <v>0.15730874565338168</v>
      </c>
      <c r="M185" s="95">
        <v>2.1595657123887623E-2</v>
      </c>
      <c r="N185" s="159">
        <v>7.1676886146347096E-2</v>
      </c>
      <c r="O185" s="95">
        <v>1.5399120072996757E-2</v>
      </c>
      <c r="P185" s="155">
        <v>1138</v>
      </c>
      <c r="Q185" s="159">
        <v>0.87406255790633625</v>
      </c>
      <c r="R185" s="95">
        <v>1.9722743800385186E-2</v>
      </c>
      <c r="S185" s="159">
        <v>8.5165965081480194E-2</v>
      </c>
      <c r="T185" s="95">
        <v>1.6646749871894118E-2</v>
      </c>
      <c r="U185" s="159">
        <v>4.0771477012183796E-2</v>
      </c>
      <c r="V185" s="95">
        <v>1.1922681477147732E-2</v>
      </c>
    </row>
    <row r="186" spans="1:22" customFormat="1">
      <c r="A186" s="43" t="s">
        <v>575</v>
      </c>
      <c r="B186" s="81">
        <v>3214</v>
      </c>
      <c r="C186" s="96">
        <v>0.363222374809681</v>
      </c>
      <c r="D186" s="92">
        <v>1.6957460065340053E-2</v>
      </c>
      <c r="E186" s="96">
        <v>0.35086797477469966</v>
      </c>
      <c r="F186" s="92">
        <v>1.6827826794117279E-2</v>
      </c>
      <c r="G186" s="96">
        <v>0.28590965041561861</v>
      </c>
      <c r="H186" s="92">
        <v>1.5934889159886497E-2</v>
      </c>
      <c r="I186" s="81">
        <v>3174</v>
      </c>
      <c r="J186" s="96">
        <v>0.76226352363279859</v>
      </c>
      <c r="K186" s="92">
        <v>1.5109871615290668E-2</v>
      </c>
      <c r="L186" s="96">
        <v>0.16481021969063517</v>
      </c>
      <c r="M186" s="92">
        <v>1.3175986418465679E-2</v>
      </c>
      <c r="N186" s="96">
        <v>7.2926256676564064E-2</v>
      </c>
      <c r="O186" s="92">
        <v>9.2559483934437723E-3</v>
      </c>
      <c r="P186" s="81">
        <v>3179</v>
      </c>
      <c r="Q186" s="96">
        <v>0.86134694077948926</v>
      </c>
      <c r="R186" s="92">
        <v>1.2267638228227365E-2</v>
      </c>
      <c r="S186" s="96">
        <v>8.1238529641780591E-2</v>
      </c>
      <c r="T186" s="92">
        <v>9.7134113093043494E-3</v>
      </c>
      <c r="U186" s="96">
        <v>5.7414529578729737E-2</v>
      </c>
      <c r="V186" s="92">
        <v>8.2841548996637846E-3</v>
      </c>
    </row>
    <row r="187" spans="1:22" customFormat="1">
      <c r="A187" s="47" t="s">
        <v>576</v>
      </c>
      <c r="B187" s="155">
        <v>1793</v>
      </c>
      <c r="C187" s="159">
        <v>0.37438205121153922</v>
      </c>
      <c r="D187" s="95">
        <v>2.2836687749781533E-2</v>
      </c>
      <c r="E187" s="159">
        <v>0.33056634143811414</v>
      </c>
      <c r="F187" s="95">
        <v>2.2200577841251689E-2</v>
      </c>
      <c r="G187" s="159">
        <v>0.29505160735034547</v>
      </c>
      <c r="H187" s="95">
        <v>2.1526753094874247E-2</v>
      </c>
      <c r="I187" s="155">
        <v>1777</v>
      </c>
      <c r="J187" s="159">
        <v>0.75285546942499881</v>
      </c>
      <c r="K187" s="95">
        <v>2.0458033078512246E-2</v>
      </c>
      <c r="L187" s="159">
        <v>0.1807390689321404</v>
      </c>
      <c r="M187" s="95">
        <v>1.8264375037314391E-2</v>
      </c>
      <c r="N187" s="159">
        <v>6.6405461642859639E-2</v>
      </c>
      <c r="O187" s="95">
        <v>1.1879926718555993E-2</v>
      </c>
      <c r="P187" s="155">
        <v>1784</v>
      </c>
      <c r="Q187" s="159">
        <v>0.87188078801815028</v>
      </c>
      <c r="R187" s="95">
        <v>1.5851856000010149E-2</v>
      </c>
      <c r="S187" s="159">
        <v>8.7398071734975741E-2</v>
      </c>
      <c r="T187" s="95">
        <v>1.3421450873909894E-2</v>
      </c>
      <c r="U187" s="159">
        <v>4.072114024687435E-2</v>
      </c>
      <c r="V187" s="95">
        <v>9.4603450373914461E-3</v>
      </c>
    </row>
    <row r="188" spans="1:22" customFormat="1">
      <c r="A188" s="43" t="s">
        <v>577</v>
      </c>
      <c r="B188" s="81">
        <v>238</v>
      </c>
      <c r="C188" s="96">
        <v>0.38675030449881354</v>
      </c>
      <c r="D188" s="92">
        <v>6.2667294873914217E-2</v>
      </c>
      <c r="E188" s="96">
        <v>0.40893956177689761</v>
      </c>
      <c r="F188" s="92">
        <v>6.3242919701164774E-2</v>
      </c>
      <c r="G188" s="96">
        <v>0.20431013372428972</v>
      </c>
      <c r="H188" s="92">
        <v>5.2291924764606798E-2</v>
      </c>
      <c r="I188" s="81">
        <v>235</v>
      </c>
      <c r="J188" s="96">
        <v>0.74954983227897298</v>
      </c>
      <c r="K188" s="92">
        <v>5.6359865881272023E-2</v>
      </c>
      <c r="L188" s="96">
        <v>0.16408577784623241</v>
      </c>
      <c r="M188" s="92">
        <v>4.8562093265304689E-2</v>
      </c>
      <c r="N188" s="96">
        <v>8.6364389874795292E-2</v>
      </c>
      <c r="O188" s="92">
        <v>3.7625031077574707E-2</v>
      </c>
      <c r="P188" s="81">
        <v>235</v>
      </c>
      <c r="Q188" s="96">
        <v>0.85913616191287967</v>
      </c>
      <c r="R188" s="92">
        <v>4.5794222427204587E-2</v>
      </c>
      <c r="S188" s="96">
        <v>0.10852934521565588</v>
      </c>
      <c r="T188" s="92">
        <v>4.1284295092902101E-2</v>
      </c>
      <c r="U188" s="96">
        <v>3.2334492871464698E-2</v>
      </c>
      <c r="V188" s="92">
        <v>2.5400089646239327E-2</v>
      </c>
    </row>
    <row r="189" spans="1:22" customFormat="1">
      <c r="A189" s="47" t="s">
        <v>578</v>
      </c>
      <c r="B189" s="155">
        <v>82</v>
      </c>
      <c r="C189" s="159">
        <v>0.31624803300598553</v>
      </c>
      <c r="D189" s="95">
        <v>0.10099575871094159</v>
      </c>
      <c r="E189" s="159">
        <v>0.42790176843193956</v>
      </c>
      <c r="F189" s="95">
        <v>0.10680870728681675</v>
      </c>
      <c r="G189" s="159">
        <v>0.25585019856207475</v>
      </c>
      <c r="H189" s="95">
        <v>9.5432176108476291E-2</v>
      </c>
      <c r="I189" s="155">
        <v>82</v>
      </c>
      <c r="J189" s="159">
        <v>0.78935807946941794</v>
      </c>
      <c r="K189" s="95">
        <v>8.9930058224713075E-2</v>
      </c>
      <c r="L189" s="159">
        <v>0.18385707250745628</v>
      </c>
      <c r="M189" s="95">
        <v>8.6032651250255818E-2</v>
      </c>
      <c r="N189" s="159">
        <v>2.6784848023125533E-2</v>
      </c>
      <c r="O189" s="95">
        <v>4.6462746872108954E-2</v>
      </c>
      <c r="P189" s="155">
        <v>82</v>
      </c>
      <c r="Q189" s="159">
        <v>0.92973681826583388</v>
      </c>
      <c r="R189" s="95">
        <v>6.1797007687713172E-2</v>
      </c>
      <c r="S189" s="159">
        <v>4.3533864039376764E-2</v>
      </c>
      <c r="T189" s="95">
        <v>5.3077548219115374E-2</v>
      </c>
      <c r="U189" s="159">
        <v>2.6729317694789419E-2</v>
      </c>
      <c r="V189" s="95">
        <v>4.6438823982035658E-2</v>
      </c>
    </row>
    <row r="190" spans="1:22" customFormat="1">
      <c r="A190" s="43" t="s">
        <v>581</v>
      </c>
      <c r="B190" s="81">
        <v>4105</v>
      </c>
      <c r="C190" s="96">
        <v>0.3615656249889313</v>
      </c>
      <c r="D190" s="92">
        <v>1.4991624726667799E-2</v>
      </c>
      <c r="E190" s="96">
        <v>0.35926570434847244</v>
      </c>
      <c r="F190" s="92">
        <v>1.4970804742492232E-2</v>
      </c>
      <c r="G190" s="96">
        <v>0.27916867066259871</v>
      </c>
      <c r="H190" s="92">
        <v>1.3999562745727024E-2</v>
      </c>
      <c r="I190" s="81">
        <v>4058</v>
      </c>
      <c r="J190" s="96">
        <v>0.76440896369485012</v>
      </c>
      <c r="K190" s="92">
        <v>1.3321961748328861E-2</v>
      </c>
      <c r="L190" s="96">
        <v>0.16285472444570434</v>
      </c>
      <c r="M190" s="92">
        <v>1.1596227545366983E-2</v>
      </c>
      <c r="N190" s="96">
        <v>7.2736311859444958E-2</v>
      </c>
      <c r="O190" s="92">
        <v>8.1713011189609597E-3</v>
      </c>
      <c r="P190" s="81">
        <v>4057</v>
      </c>
      <c r="Q190" s="96">
        <v>0.86982148079762978</v>
      </c>
      <c r="R190" s="92">
        <v>1.0573385009855973E-2</v>
      </c>
      <c r="S190" s="96">
        <v>8.4493773867337349E-2</v>
      </c>
      <c r="T190" s="92">
        <v>8.7479979940777788E-3</v>
      </c>
      <c r="U190" s="96">
        <v>4.5684745335032757E-2</v>
      </c>
      <c r="V190" s="92">
        <v>6.5835454949295415E-3</v>
      </c>
    </row>
    <row r="191" spans="1:22" customFormat="1">
      <c r="A191" s="47" t="s">
        <v>580</v>
      </c>
      <c r="B191" s="155">
        <v>2398</v>
      </c>
      <c r="C191" s="159">
        <v>0.34217517694662708</v>
      </c>
      <c r="D191" s="95">
        <v>1.9364345543471235E-2</v>
      </c>
      <c r="E191" s="159">
        <v>0.36383866781412988</v>
      </c>
      <c r="F191" s="95">
        <v>1.9635385331188065E-2</v>
      </c>
      <c r="G191" s="159">
        <v>0.29398615523924337</v>
      </c>
      <c r="H191" s="95">
        <v>1.8597786328545245E-2</v>
      </c>
      <c r="I191" s="155">
        <v>2374</v>
      </c>
      <c r="J191" s="159">
        <v>0.76307070262502208</v>
      </c>
      <c r="K191" s="95">
        <v>1.7449985293549665E-2</v>
      </c>
      <c r="L191" s="159">
        <v>0.17181456140228338</v>
      </c>
      <c r="M191" s="95">
        <v>1.5490649587092129E-2</v>
      </c>
      <c r="N191" s="159">
        <v>6.5114735972694765E-2</v>
      </c>
      <c r="O191" s="95">
        <v>1.0171822556611476E-2</v>
      </c>
      <c r="P191" s="155">
        <v>2386</v>
      </c>
      <c r="Q191" s="159">
        <v>0.8656022882350165</v>
      </c>
      <c r="R191" s="95">
        <v>1.3980381159106983E-2</v>
      </c>
      <c r="S191" s="159">
        <v>8.3271289154623673E-2</v>
      </c>
      <c r="T191" s="95">
        <v>1.1346058483014575E-2</v>
      </c>
      <c r="U191" s="159">
        <v>5.1126422610359608E-2</v>
      </c>
      <c r="V191" s="95">
        <v>9.0730537868098787E-3</v>
      </c>
    </row>
    <row r="192" spans="1:22" customFormat="1">
      <c r="A192" s="43" t="s">
        <v>583</v>
      </c>
      <c r="B192" s="81">
        <v>567</v>
      </c>
      <c r="C192" s="96">
        <v>0.34041662277713347</v>
      </c>
      <c r="D192" s="92">
        <v>3.9691339716941408E-2</v>
      </c>
      <c r="E192" s="96">
        <v>0.3640672725541792</v>
      </c>
      <c r="F192" s="92">
        <v>4.0294908387807034E-2</v>
      </c>
      <c r="G192" s="96">
        <v>0.29551610466868716</v>
      </c>
      <c r="H192" s="92">
        <v>3.8242485178274256E-2</v>
      </c>
      <c r="I192" s="81">
        <v>561</v>
      </c>
      <c r="J192" s="96">
        <v>0.73490401764574276</v>
      </c>
      <c r="K192" s="92">
        <v>3.7212486731434014E-2</v>
      </c>
      <c r="L192" s="96">
        <v>0.19106041957381631</v>
      </c>
      <c r="M192" s="92">
        <v>3.3222549820755391E-2</v>
      </c>
      <c r="N192" s="96">
        <v>7.40355627804411E-2</v>
      </c>
      <c r="O192" s="92">
        <v>2.2438012404500583E-2</v>
      </c>
      <c r="P192" s="81">
        <v>566</v>
      </c>
      <c r="Q192" s="96">
        <v>0.82596851473609123</v>
      </c>
      <c r="R192" s="92">
        <v>3.1924318358754804E-2</v>
      </c>
      <c r="S192" s="96">
        <v>0.11448121469604784</v>
      </c>
      <c r="T192" s="92">
        <v>2.6944244992035724E-2</v>
      </c>
      <c r="U192" s="96">
        <v>5.9550270567861475E-2</v>
      </c>
      <c r="V192" s="92">
        <v>2.0299033372060283E-2</v>
      </c>
    </row>
    <row r="193" spans="1:22" customFormat="1">
      <c r="A193" s="47" t="s">
        <v>582</v>
      </c>
      <c r="B193" s="155">
        <v>1831</v>
      </c>
      <c r="C193" s="159">
        <v>0.34288976948734889</v>
      </c>
      <c r="D193" s="95">
        <v>2.2167254771668962E-2</v>
      </c>
      <c r="E193" s="159">
        <v>0.36374577375101436</v>
      </c>
      <c r="F193" s="95">
        <v>2.2464777680700515E-2</v>
      </c>
      <c r="G193" s="159">
        <v>0.29336445676163625</v>
      </c>
      <c r="H193" s="95">
        <v>2.1267093450378076E-2</v>
      </c>
      <c r="I193" s="155">
        <v>1813</v>
      </c>
      <c r="J193" s="159">
        <v>0.77453343683264142</v>
      </c>
      <c r="K193" s="95">
        <v>1.9625714286288679E-2</v>
      </c>
      <c r="L193" s="159">
        <v>0.16398225323466825</v>
      </c>
      <c r="M193" s="95">
        <v>1.7403789760242198E-2</v>
      </c>
      <c r="N193" s="159">
        <v>6.1484309932689184E-2</v>
      </c>
      <c r="O193" s="95">
        <v>1.1353111619635335E-2</v>
      </c>
      <c r="P193" s="155">
        <v>1820</v>
      </c>
      <c r="Q193" s="159">
        <v>0.88181524510649534</v>
      </c>
      <c r="R193" s="95">
        <v>1.516400228032563E-2</v>
      </c>
      <c r="S193" s="159">
        <v>7.0504269209402434E-2</v>
      </c>
      <c r="T193" s="95">
        <v>1.2061755754753482E-2</v>
      </c>
      <c r="U193" s="159">
        <v>4.7680485684102152E-2</v>
      </c>
      <c r="V193" s="95">
        <v>1.0076833179159767E-2</v>
      </c>
    </row>
    <row r="194" spans="1:22" customFormat="1">
      <c r="A194" s="43" t="s">
        <v>568</v>
      </c>
      <c r="B194" s="81">
        <v>4335</v>
      </c>
      <c r="C194" s="96">
        <v>0.36219128586675203</v>
      </c>
      <c r="D194" s="92">
        <v>1.4594267080117214E-2</v>
      </c>
      <c r="E194" s="96">
        <v>0.36890566060420954</v>
      </c>
      <c r="F194" s="92">
        <v>1.4651075647768998E-2</v>
      </c>
      <c r="G194" s="96">
        <v>0.26890305352904048</v>
      </c>
      <c r="H194" s="92">
        <v>1.3465708413106079E-2</v>
      </c>
      <c r="I194" s="81">
        <v>4279</v>
      </c>
      <c r="J194" s="96">
        <v>0.72373166712887593</v>
      </c>
      <c r="K194" s="92">
        <v>1.3668214003429305E-2</v>
      </c>
      <c r="L194" s="96">
        <v>0.19287091322396521</v>
      </c>
      <c r="M194" s="92">
        <v>1.2064417062744715E-2</v>
      </c>
      <c r="N194" s="96">
        <v>8.3397419647162241E-2</v>
      </c>
      <c r="O194" s="92">
        <v>8.4672291803394462E-3</v>
      </c>
      <c r="P194" s="81">
        <v>4290</v>
      </c>
      <c r="Q194" s="96">
        <v>0.87075450052842385</v>
      </c>
      <c r="R194" s="92">
        <v>1.0250567180144053E-2</v>
      </c>
      <c r="S194" s="96">
        <v>8.3138850238132805E-2</v>
      </c>
      <c r="T194" s="92">
        <v>8.4444750354302541E-3</v>
      </c>
      <c r="U194" s="96">
        <v>4.6106649233447303E-2</v>
      </c>
      <c r="V194" s="92">
        <v>6.4286035831293215E-3</v>
      </c>
    </row>
    <row r="195" spans="1:22" customFormat="1">
      <c r="A195" s="47" t="s">
        <v>569</v>
      </c>
      <c r="B195" s="155">
        <v>2105</v>
      </c>
      <c r="C195" s="159">
        <v>0.34697966617800352</v>
      </c>
      <c r="D195" s="95">
        <v>2.0734429665093698E-2</v>
      </c>
      <c r="E195" s="159">
        <v>0.34956836974270394</v>
      </c>
      <c r="F195" s="95">
        <v>2.0770190716668951E-2</v>
      </c>
      <c r="G195" s="159">
        <v>0.30345196407929143</v>
      </c>
      <c r="H195" s="95">
        <v>2.002915223880555E-2</v>
      </c>
      <c r="I195" s="155">
        <v>2093</v>
      </c>
      <c r="J195" s="159">
        <v>0.8190023958079351</v>
      </c>
      <c r="K195" s="95">
        <v>1.6837483593393772E-2</v>
      </c>
      <c r="L195" s="159">
        <v>0.12649247314920625</v>
      </c>
      <c r="M195" s="95">
        <v>1.4552543292547463E-2</v>
      </c>
      <c r="N195" s="159">
        <v>5.4505131042857723E-2</v>
      </c>
      <c r="O195" s="95">
        <v>9.9871869244446358E-3</v>
      </c>
      <c r="P195" s="155">
        <v>2091</v>
      </c>
      <c r="Q195" s="159">
        <v>0.86601585500499023</v>
      </c>
      <c r="R195" s="95">
        <v>1.4917016364787429E-2</v>
      </c>
      <c r="S195" s="159">
        <v>8.5908718198078091E-2</v>
      </c>
      <c r="T195" s="95">
        <v>1.2295686369874657E-2</v>
      </c>
      <c r="U195" s="159">
        <v>4.8075426796931151E-2</v>
      </c>
      <c r="V195" s="95">
        <v>9.4268527963658963E-3</v>
      </c>
    </row>
    <row r="196" spans="1:22" customFormat="1">
      <c r="A196" s="55" t="s">
        <v>570</v>
      </c>
      <c r="B196" s="81">
        <v>411</v>
      </c>
      <c r="C196" s="96">
        <v>0.42993522097072234</v>
      </c>
      <c r="D196" s="92">
        <v>4.8613063187181449E-2</v>
      </c>
      <c r="E196" s="96">
        <v>0.35733708924015473</v>
      </c>
      <c r="F196" s="92">
        <v>4.7087485295619062E-2</v>
      </c>
      <c r="G196" s="96">
        <v>0.21272768978912354</v>
      </c>
      <c r="H196" s="92">
        <v>4.0366728962346048E-2</v>
      </c>
      <c r="I196" s="81">
        <v>411</v>
      </c>
      <c r="J196" s="96">
        <v>0.75294058819133636</v>
      </c>
      <c r="K196" s="92">
        <v>4.2482988127766332E-2</v>
      </c>
      <c r="L196" s="96">
        <v>0.16498868513998585</v>
      </c>
      <c r="M196" s="92">
        <v>3.672371768335099E-2</v>
      </c>
      <c r="N196" s="96">
        <v>8.2070726668678165E-2</v>
      </c>
      <c r="O196" s="92">
        <v>2.7539400839951524E-2</v>
      </c>
      <c r="P196" s="81">
        <v>410</v>
      </c>
      <c r="Q196" s="96">
        <v>0.87261604890952116</v>
      </c>
      <c r="R196" s="92">
        <v>3.3162936952603209E-2</v>
      </c>
      <c r="S196" s="96">
        <v>7.7384646748149932E-2</v>
      </c>
      <c r="T196" s="92">
        <v>2.6888725846055037E-2</v>
      </c>
      <c r="U196" s="96">
        <v>4.9999304342329277E-2</v>
      </c>
      <c r="V196" s="92">
        <v>2.2283532151812266E-2</v>
      </c>
    </row>
    <row r="197" spans="1:22" customFormat="1">
      <c r="A197" s="47" t="s">
        <v>571</v>
      </c>
      <c r="B197" s="155">
        <v>1684</v>
      </c>
      <c r="C197" s="159">
        <v>0.41878300984028394</v>
      </c>
      <c r="D197" s="95">
        <v>2.401791516766744E-2</v>
      </c>
      <c r="E197" s="159">
        <v>0.36835425342067446</v>
      </c>
      <c r="F197" s="95">
        <v>2.3484967242245896E-2</v>
      </c>
      <c r="G197" s="159">
        <v>0.21286273673903722</v>
      </c>
      <c r="H197" s="95">
        <v>1.9949134189989254E-2</v>
      </c>
      <c r="I197" s="155">
        <v>1668</v>
      </c>
      <c r="J197" s="159">
        <v>0.7115353009017521</v>
      </c>
      <c r="K197" s="95">
        <v>2.2170860101136166E-2</v>
      </c>
      <c r="L197" s="159">
        <v>0.20219618451127019</v>
      </c>
      <c r="M197" s="95">
        <v>1.9670535135228252E-2</v>
      </c>
      <c r="N197" s="159">
        <v>8.6268514586975029E-2</v>
      </c>
      <c r="O197" s="95">
        <v>1.3803498916472454E-2</v>
      </c>
      <c r="P197" s="155">
        <v>1670</v>
      </c>
      <c r="Q197" s="159">
        <v>0.84931894027299459</v>
      </c>
      <c r="R197" s="95">
        <v>1.7526817088382492E-2</v>
      </c>
      <c r="S197" s="159">
        <v>9.4590252475475756E-2</v>
      </c>
      <c r="T197" s="95">
        <v>1.4370706970504099E-2</v>
      </c>
      <c r="U197" s="159">
        <v>5.6090807251527465E-2</v>
      </c>
      <c r="V197" s="95">
        <v>1.1347158516974728E-2</v>
      </c>
    </row>
    <row r="198" spans="1:22" customFormat="1">
      <c r="A198" s="55" t="s">
        <v>572</v>
      </c>
      <c r="B198" s="81">
        <v>2317</v>
      </c>
      <c r="C198" s="96">
        <v>0.35798887943805374</v>
      </c>
      <c r="D198" s="92">
        <v>1.9905086881500559E-2</v>
      </c>
      <c r="E198" s="96">
        <v>0.37345452760839271</v>
      </c>
      <c r="F198" s="92">
        <v>2.00834704493193E-2</v>
      </c>
      <c r="G198" s="96">
        <v>0.26855659295354839</v>
      </c>
      <c r="H198" s="92">
        <v>1.8407911922014256E-2</v>
      </c>
      <c r="I198" s="81">
        <v>2284</v>
      </c>
      <c r="J198" s="96">
        <v>0.75581806149625419</v>
      </c>
      <c r="K198" s="92">
        <v>1.7973647213385541E-2</v>
      </c>
      <c r="L198" s="96">
        <v>0.18057191372076711</v>
      </c>
      <c r="M198" s="92">
        <v>1.6102933165397137E-2</v>
      </c>
      <c r="N198" s="96">
        <v>6.3610024782977989E-2</v>
      </c>
      <c r="O198" s="92">
        <v>1.0261363167499106E-2</v>
      </c>
      <c r="P198" s="81">
        <v>2292</v>
      </c>
      <c r="Q198" s="96">
        <v>0.86628794633760586</v>
      </c>
      <c r="R198" s="92">
        <v>1.4234240842874911E-2</v>
      </c>
      <c r="S198" s="96">
        <v>8.8203254429762928E-2</v>
      </c>
      <c r="T198" s="92">
        <v>1.1880193509099881E-2</v>
      </c>
      <c r="U198" s="96">
        <v>4.5508799232629821E-2</v>
      </c>
      <c r="V198" s="92">
        <v>8.7708785831289177E-3</v>
      </c>
    </row>
    <row r="199" spans="1:22" customFormat="1">
      <c r="A199" s="47" t="s">
        <v>573</v>
      </c>
      <c r="B199" s="155">
        <v>1990</v>
      </c>
      <c r="C199" s="159">
        <v>0.24808511938527292</v>
      </c>
      <c r="D199" s="95">
        <v>1.9357443619381545E-2</v>
      </c>
      <c r="E199" s="159">
        <v>0.33927595408070788</v>
      </c>
      <c r="F199" s="95">
        <v>2.1210665023658926E-2</v>
      </c>
      <c r="G199" s="159">
        <v>0.41263892653401923</v>
      </c>
      <c r="H199" s="95">
        <v>2.2051213838078797E-2</v>
      </c>
      <c r="I199" s="155">
        <v>1972</v>
      </c>
      <c r="J199" s="159">
        <v>0.84053412844678388</v>
      </c>
      <c r="K199" s="95">
        <v>1.6500859994599874E-2</v>
      </c>
      <c r="L199" s="159">
        <v>0.10396049314948463</v>
      </c>
      <c r="M199" s="95">
        <v>1.3778692960150557E-2</v>
      </c>
      <c r="N199" s="159">
        <v>5.5505378403733333E-2</v>
      </c>
      <c r="O199" s="95">
        <v>1.0379794140250026E-2</v>
      </c>
      <c r="P199" s="155">
        <v>1972</v>
      </c>
      <c r="Q199" s="159">
        <v>0.89218771592675894</v>
      </c>
      <c r="R199" s="95">
        <v>1.3999051632321636E-2</v>
      </c>
      <c r="S199" s="159">
        <v>7.0569346790159179E-2</v>
      </c>
      <c r="T199" s="95">
        <v>1.1587998152234177E-2</v>
      </c>
      <c r="U199" s="159">
        <v>3.7242937283082256E-2</v>
      </c>
      <c r="V199" s="95">
        <v>8.6218350472621625E-3</v>
      </c>
    </row>
    <row r="200" spans="1:22" customFormat="1">
      <c r="A200" s="55" t="s">
        <v>579</v>
      </c>
      <c r="B200" s="81">
        <v>5409</v>
      </c>
      <c r="C200" s="96">
        <v>0.36304898729909474</v>
      </c>
      <c r="D200" s="92">
        <v>1.3072920841648187E-2</v>
      </c>
      <c r="E200" s="96">
        <v>0.3605845255790282</v>
      </c>
      <c r="F200" s="92">
        <v>1.3053685304005216E-2</v>
      </c>
      <c r="G200" s="96">
        <v>0.27636648712188377</v>
      </c>
      <c r="H200" s="92">
        <v>1.2158870090844362E-2</v>
      </c>
      <c r="I200" s="81">
        <v>5351</v>
      </c>
      <c r="J200" s="96">
        <v>0.75855169702808667</v>
      </c>
      <c r="K200" s="92">
        <v>1.169966044252747E-2</v>
      </c>
      <c r="L200" s="96">
        <v>0.16693788707962476</v>
      </c>
      <c r="M200" s="92">
        <v>1.0198232737265845E-2</v>
      </c>
      <c r="N200" s="96">
        <v>7.4510415892290502E-2</v>
      </c>
      <c r="O200" s="92">
        <v>7.1910815251272926E-3</v>
      </c>
      <c r="P200" s="81">
        <v>5360</v>
      </c>
      <c r="Q200" s="96">
        <v>0.86717841000749107</v>
      </c>
      <c r="R200" s="92">
        <v>9.2758301326591151E-3</v>
      </c>
      <c r="S200" s="96">
        <v>8.4663590682884871E-2</v>
      </c>
      <c r="T200" s="92">
        <v>7.6145416204411332E-3</v>
      </c>
      <c r="U200" s="96">
        <v>4.8157999309624888E-2</v>
      </c>
      <c r="V200" s="92">
        <v>5.865963950702424E-3</v>
      </c>
    </row>
    <row r="201" spans="1:22" customFormat="1">
      <c r="A201" s="47" t="s">
        <v>585</v>
      </c>
      <c r="B201" s="155">
        <v>764</v>
      </c>
      <c r="C201" s="159">
        <v>0.31508326564074673</v>
      </c>
      <c r="D201" s="95">
        <v>3.3553522491602275E-2</v>
      </c>
      <c r="E201" s="159">
        <v>0.36373445926243059</v>
      </c>
      <c r="F201" s="95">
        <v>3.4732955837838163E-2</v>
      </c>
      <c r="G201" s="159">
        <v>0.32118227509682234</v>
      </c>
      <c r="H201" s="95">
        <v>3.3723479927016714E-2</v>
      </c>
      <c r="I201" s="155">
        <v>755</v>
      </c>
      <c r="J201" s="159">
        <v>0.79774346100664839</v>
      </c>
      <c r="K201" s="95">
        <v>2.9244394655440809E-2</v>
      </c>
      <c r="L201" s="159">
        <v>0.16094852444951638</v>
      </c>
      <c r="M201" s="95">
        <v>2.6796708013540581E-2</v>
      </c>
      <c r="N201" s="159">
        <v>4.1308014543834252E-2</v>
      </c>
      <c r="O201" s="95">
        <v>1.4844553560943427E-2</v>
      </c>
      <c r="P201" s="155">
        <v>759</v>
      </c>
      <c r="Q201" s="159">
        <v>0.88771585898420147</v>
      </c>
      <c r="R201" s="95">
        <v>2.3038905298100012E-2</v>
      </c>
      <c r="S201" s="159">
        <v>8.1798172755024989E-2</v>
      </c>
      <c r="T201" s="95">
        <v>2.0083203483230165E-2</v>
      </c>
      <c r="U201" s="159">
        <v>3.0485968260773808E-2</v>
      </c>
      <c r="V201" s="95">
        <v>1.2924186413207328E-2</v>
      </c>
    </row>
    <row r="202" spans="1:22" customFormat="1">
      <c r="A202" s="55" t="s">
        <v>586</v>
      </c>
      <c r="B202" s="81">
        <v>259</v>
      </c>
      <c r="C202" s="96">
        <v>0.31410453868302618</v>
      </c>
      <c r="D202" s="92">
        <v>5.7380863653435872E-2</v>
      </c>
      <c r="E202" s="96">
        <v>0.37801251266656349</v>
      </c>
      <c r="F202" s="92">
        <v>5.9856388726471262E-2</v>
      </c>
      <c r="G202" s="96">
        <v>0.30788294865041016</v>
      </c>
      <c r="H202" s="92">
        <v>5.7077787885080444E-2</v>
      </c>
      <c r="I202" s="81">
        <v>257</v>
      </c>
      <c r="J202" s="96">
        <v>0.77102250141483042</v>
      </c>
      <c r="K202" s="92">
        <v>5.2344422324282949E-2</v>
      </c>
      <c r="L202" s="96">
        <v>0.15824553706872779</v>
      </c>
      <c r="M202" s="92">
        <v>4.5780822488122312E-2</v>
      </c>
      <c r="N202" s="96">
        <v>7.073196151644176E-2</v>
      </c>
      <c r="O202" s="92">
        <v>3.3064160317409365E-2</v>
      </c>
      <c r="P202" s="81">
        <v>254</v>
      </c>
      <c r="Q202" s="96">
        <v>0.85560686240021055</v>
      </c>
      <c r="R202" s="92">
        <v>4.4449167351210586E-2</v>
      </c>
      <c r="S202" s="96">
        <v>8.835202309688088E-2</v>
      </c>
      <c r="T202" s="92">
        <v>3.6463765761630414E-2</v>
      </c>
      <c r="U202" s="96">
        <v>5.6041114502908843E-2</v>
      </c>
      <c r="V202" s="92">
        <v>3.0235443882087328E-2</v>
      </c>
    </row>
    <row r="203" spans="1:22" customFormat="1">
      <c r="A203" s="47" t="s">
        <v>584</v>
      </c>
      <c r="B203" s="155">
        <v>119</v>
      </c>
      <c r="C203" s="159">
        <v>0.48882071184496551</v>
      </c>
      <c r="D203" s="95">
        <v>9.0145865516986848E-2</v>
      </c>
      <c r="E203" s="159">
        <v>0.30767763366186063</v>
      </c>
      <c r="F203" s="95">
        <v>8.3691012553703148E-2</v>
      </c>
      <c r="G203" s="159">
        <v>0.20350165449317395</v>
      </c>
      <c r="H203" s="95">
        <v>7.3851876530204766E-2</v>
      </c>
      <c r="I203" s="155">
        <v>116</v>
      </c>
      <c r="J203" s="159">
        <v>0.70386324787307497</v>
      </c>
      <c r="K203" s="95">
        <v>8.3897612148985959E-2</v>
      </c>
      <c r="L203" s="159">
        <v>0.20175791321031825</v>
      </c>
      <c r="M203" s="95">
        <v>7.4583893628740752E-2</v>
      </c>
      <c r="N203" s="159">
        <v>9.4378838916606658E-2</v>
      </c>
      <c r="O203" s="95">
        <v>5.6644279684393894E-2</v>
      </c>
      <c r="P203" s="155">
        <v>116</v>
      </c>
      <c r="Q203" s="159">
        <v>0.7591321060571784</v>
      </c>
      <c r="R203" s="95">
        <v>7.9004761671855883E-2</v>
      </c>
      <c r="S203" s="159">
        <v>0.16106839996253344</v>
      </c>
      <c r="T203" s="95">
        <v>6.8957968031841274E-2</v>
      </c>
      <c r="U203" s="159">
        <v>7.979949398028803E-2</v>
      </c>
      <c r="V203" s="95">
        <v>5.3231124533941014E-2</v>
      </c>
    </row>
    <row r="204" spans="1:22" customFormat="1">
      <c r="A204" s="55" t="s">
        <v>587</v>
      </c>
      <c r="B204" s="81">
        <v>6286</v>
      </c>
      <c r="C204" s="96">
        <v>0.35089906450678138</v>
      </c>
      <c r="D204" s="92">
        <v>1.2035907508690619E-2</v>
      </c>
      <c r="E204" s="96">
        <v>0.36424041408372831</v>
      </c>
      <c r="F204" s="92">
        <v>1.2135765339908188E-2</v>
      </c>
      <c r="G204" s="96">
        <v>0.28486052140949064</v>
      </c>
      <c r="H204" s="92">
        <v>1.1383581015618075E-2</v>
      </c>
      <c r="I204" s="81">
        <v>6223</v>
      </c>
      <c r="J204" s="96">
        <v>0.76386340752761117</v>
      </c>
      <c r="K204" s="92">
        <v>1.0766825709433601E-2</v>
      </c>
      <c r="L204" s="96">
        <v>0.16525619323804711</v>
      </c>
      <c r="M204" s="92">
        <v>9.4182986402341143E-3</v>
      </c>
      <c r="N204" s="96">
        <v>7.0880399234335381E-2</v>
      </c>
      <c r="O204" s="92">
        <v>6.5158016819096025E-3</v>
      </c>
      <c r="P204" s="81">
        <v>6232</v>
      </c>
      <c r="Q204" s="96">
        <v>0.87255027082477543</v>
      </c>
      <c r="R204" s="92">
        <v>8.4525727904679136E-3</v>
      </c>
      <c r="S204" s="96">
        <v>8.1080504160416567E-2</v>
      </c>
      <c r="T204" s="92">
        <v>6.9235502689495724E-3</v>
      </c>
      <c r="U204" s="96">
        <v>4.6369225014801937E-2</v>
      </c>
      <c r="V204" s="92">
        <v>5.3416337194280399E-3</v>
      </c>
    </row>
  </sheetData>
  <mergeCells count="32">
    <mergeCell ref="A148:K148"/>
    <mergeCell ref="A149:K149"/>
    <mergeCell ref="A177:V177"/>
    <mergeCell ref="A178:V178"/>
    <mergeCell ref="B179:H179"/>
    <mergeCell ref="I179:O179"/>
    <mergeCell ref="P179:V179"/>
    <mergeCell ref="A150:D150"/>
    <mergeCell ref="E150:K150"/>
    <mergeCell ref="AR63:AX63"/>
    <mergeCell ref="A4:H4"/>
    <mergeCell ref="A3:H3"/>
    <mergeCell ref="A33:H33"/>
    <mergeCell ref="A32:H32"/>
    <mergeCell ref="A61:AX61"/>
    <mergeCell ref="A62:AX62"/>
    <mergeCell ref="W63:AC63"/>
    <mergeCell ref="AD63:AJ63"/>
    <mergeCell ref="AK63:AQ63"/>
    <mergeCell ref="P121:V121"/>
    <mergeCell ref="A5:H5"/>
    <mergeCell ref="A34:H34"/>
    <mergeCell ref="B63:H63"/>
    <mergeCell ref="I63:O63"/>
    <mergeCell ref="P63:V63"/>
    <mergeCell ref="A91:H91"/>
    <mergeCell ref="A90:H90"/>
    <mergeCell ref="A120:V120"/>
    <mergeCell ref="A119:V119"/>
    <mergeCell ref="I121:O121"/>
    <mergeCell ref="A92:H92"/>
    <mergeCell ref="B121:H121"/>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BD146"/>
  <sheetViews>
    <sheetView zoomScaleNormal="100" workbookViewId="0"/>
  </sheetViews>
  <sheetFormatPr defaultColWidth="18" defaultRowHeight="15"/>
  <cols>
    <col min="1" max="1" width="56.7109375" style="5" customWidth="1"/>
    <col min="2" max="4" width="19.42578125" style="5" customWidth="1"/>
    <col min="5" max="8" width="18" style="5"/>
    <col min="9" max="9" width="19.85546875" style="5" customWidth="1"/>
    <col min="10" max="16384" width="18" style="5"/>
  </cols>
  <sheetData>
    <row r="1" spans="1:37" ht="29.25" customHeight="1">
      <c r="A1" s="34" t="s">
        <v>60</v>
      </c>
      <c r="P1" s="231"/>
      <c r="Q1" s="231"/>
      <c r="R1" s="231"/>
      <c r="S1" s="231"/>
      <c r="T1" s="231"/>
      <c r="U1" s="231"/>
      <c r="V1" s="231"/>
      <c r="W1" s="231"/>
      <c r="X1" s="231"/>
      <c r="Y1" s="231"/>
      <c r="Z1" s="231"/>
      <c r="AA1" s="231"/>
      <c r="AB1" s="231"/>
      <c r="AC1" s="231"/>
      <c r="AD1" s="231"/>
      <c r="AE1" s="231"/>
      <c r="AF1" s="231"/>
      <c r="AG1" s="231"/>
      <c r="AH1" s="231"/>
      <c r="AI1" s="231"/>
      <c r="AJ1" s="231"/>
      <c r="AK1" s="231"/>
    </row>
    <row r="2" spans="1:37" ht="15.75" customHeight="1">
      <c r="A2" s="34"/>
      <c r="P2" s="231"/>
      <c r="Q2" s="231"/>
      <c r="R2" s="231"/>
      <c r="S2" s="231"/>
      <c r="T2" s="231"/>
      <c r="U2" s="231"/>
      <c r="V2" s="231"/>
      <c r="W2" s="231"/>
      <c r="X2" s="231"/>
      <c r="Y2" s="231"/>
      <c r="Z2" s="231"/>
      <c r="AA2" s="231"/>
      <c r="AB2" s="231"/>
      <c r="AC2" s="231"/>
      <c r="AD2" s="231"/>
      <c r="AE2" s="231"/>
      <c r="AF2" s="231"/>
      <c r="AG2" s="231"/>
      <c r="AH2" s="231"/>
      <c r="AI2" s="231"/>
      <c r="AJ2" s="231"/>
      <c r="AK2" s="231"/>
    </row>
    <row r="3" spans="1:37" ht="18.75">
      <c r="A3" s="337" t="s">
        <v>361</v>
      </c>
      <c r="B3" s="337"/>
      <c r="C3" s="337"/>
      <c r="D3" s="337"/>
      <c r="P3" s="231"/>
      <c r="Q3" s="231"/>
      <c r="R3" s="231"/>
      <c r="S3" s="231"/>
      <c r="T3" s="231"/>
      <c r="U3" s="231"/>
      <c r="V3" s="231"/>
      <c r="W3" s="231"/>
      <c r="X3" s="231"/>
      <c r="Y3" s="231"/>
      <c r="Z3" s="231"/>
      <c r="AA3" s="231"/>
      <c r="AB3" s="231"/>
      <c r="AC3" s="231"/>
      <c r="AD3" s="231"/>
      <c r="AE3" s="231"/>
      <c r="AF3" s="231"/>
      <c r="AG3" s="231"/>
      <c r="AH3" s="231"/>
      <c r="AI3" s="231"/>
      <c r="AJ3" s="231"/>
      <c r="AK3" s="231"/>
    </row>
    <row r="4" spans="1:37" ht="99.75" customHeight="1">
      <c r="A4" s="347" t="s">
        <v>359</v>
      </c>
      <c r="B4" s="347"/>
      <c r="C4" s="347"/>
      <c r="D4" s="347"/>
      <c r="P4" s="231"/>
      <c r="Q4" s="231"/>
      <c r="R4" s="231"/>
      <c r="S4" s="231"/>
      <c r="T4" s="231"/>
      <c r="U4" s="231"/>
      <c r="V4" s="231"/>
      <c r="W4" s="231"/>
      <c r="X4" s="231"/>
      <c r="Y4" s="231"/>
      <c r="Z4" s="231"/>
      <c r="AA4" s="231"/>
      <c r="AB4" s="231"/>
      <c r="AC4" s="231"/>
      <c r="AD4" s="231"/>
      <c r="AE4" s="231"/>
      <c r="AF4" s="231"/>
      <c r="AG4" s="231"/>
      <c r="AH4" s="231"/>
      <c r="AI4" s="231"/>
      <c r="AJ4" s="231"/>
      <c r="AK4" s="231"/>
    </row>
    <row r="5" spans="1:37" ht="36.75" customHeight="1">
      <c r="A5" s="348" t="s">
        <v>360</v>
      </c>
      <c r="B5" s="349"/>
      <c r="C5" s="349"/>
      <c r="D5" s="349"/>
      <c r="P5" s="231"/>
      <c r="Q5" s="231"/>
      <c r="R5" s="231"/>
      <c r="S5" s="231"/>
      <c r="T5" s="231"/>
      <c r="U5" s="231"/>
      <c r="V5" s="231"/>
      <c r="W5" s="231"/>
      <c r="X5" s="231"/>
      <c r="Y5" s="231"/>
      <c r="Z5" s="231"/>
      <c r="AA5" s="231"/>
      <c r="AB5" s="231"/>
      <c r="AC5" s="231"/>
      <c r="AD5" s="231"/>
      <c r="AE5" s="231"/>
      <c r="AF5" s="231"/>
      <c r="AG5" s="231"/>
      <c r="AH5" s="231"/>
      <c r="AI5" s="231"/>
      <c r="AJ5" s="231"/>
      <c r="AK5" s="231"/>
    </row>
    <row r="6" spans="1:37" ht="72">
      <c r="A6" s="35" t="s">
        <v>70</v>
      </c>
      <c r="B6" s="36" t="s">
        <v>71</v>
      </c>
      <c r="C6" s="37" t="s">
        <v>551</v>
      </c>
      <c r="D6" s="38" t="s">
        <v>72</v>
      </c>
      <c r="P6" s="231"/>
      <c r="Q6" s="231"/>
      <c r="R6" s="231"/>
      <c r="S6" s="231"/>
      <c r="T6" s="231"/>
      <c r="U6" s="231"/>
      <c r="V6" s="231"/>
      <c r="W6" s="231"/>
      <c r="X6" s="231"/>
      <c r="Y6" s="231"/>
      <c r="Z6" s="231"/>
      <c r="AA6" s="231"/>
      <c r="AB6" s="231"/>
      <c r="AC6" s="231"/>
      <c r="AD6" s="231"/>
      <c r="AE6" s="231"/>
      <c r="AF6" s="231"/>
      <c r="AG6" s="231"/>
      <c r="AH6" s="231"/>
      <c r="AI6" s="231"/>
      <c r="AJ6" s="231"/>
      <c r="AK6" s="231"/>
    </row>
    <row r="7" spans="1:37" ht="72">
      <c r="A7" s="39"/>
      <c r="B7" s="40" t="s">
        <v>73</v>
      </c>
      <c r="C7" s="41" t="s">
        <v>544</v>
      </c>
      <c r="D7" s="42" t="s">
        <v>75</v>
      </c>
      <c r="P7" s="231"/>
      <c r="Q7" s="231"/>
      <c r="R7" s="231"/>
      <c r="S7" s="231"/>
      <c r="T7" s="231"/>
      <c r="U7" s="231"/>
      <c r="V7" s="231"/>
      <c r="W7" s="231"/>
      <c r="X7" s="231"/>
      <c r="Y7" s="231"/>
      <c r="Z7" s="231"/>
      <c r="AA7" s="231"/>
      <c r="AB7" s="231"/>
      <c r="AC7" s="231"/>
      <c r="AD7" s="231"/>
      <c r="AE7" s="231"/>
      <c r="AF7" s="231"/>
      <c r="AG7" s="231"/>
      <c r="AH7" s="231"/>
      <c r="AI7" s="231"/>
      <c r="AJ7" s="231"/>
      <c r="AK7" s="231"/>
    </row>
    <row r="8" spans="1:37">
      <c r="A8" s="43" t="s">
        <v>348</v>
      </c>
      <c r="B8" s="131">
        <v>13760</v>
      </c>
      <c r="C8" s="132">
        <v>5.3107549376785776</v>
      </c>
      <c r="D8" s="133">
        <v>1.980026958620976E-2</v>
      </c>
      <c r="P8" s="231"/>
      <c r="Q8" s="231"/>
      <c r="R8" s="231"/>
      <c r="S8" s="231"/>
      <c r="T8" s="231"/>
      <c r="U8" s="231"/>
      <c r="V8" s="231"/>
      <c r="W8" s="231"/>
      <c r="X8" s="231"/>
      <c r="Y8" s="231"/>
      <c r="Z8" s="231"/>
      <c r="AA8" s="231"/>
      <c r="AB8" s="231"/>
      <c r="AC8" s="231"/>
      <c r="AD8" s="231"/>
      <c r="AE8" s="231"/>
      <c r="AF8" s="231"/>
      <c r="AG8" s="231"/>
      <c r="AH8" s="231"/>
      <c r="AI8" s="231"/>
      <c r="AJ8" s="231"/>
      <c r="AK8" s="231"/>
    </row>
    <row r="9" spans="1:37">
      <c r="A9" s="47" t="s">
        <v>349</v>
      </c>
      <c r="B9" s="47">
        <v>10041</v>
      </c>
      <c r="C9" s="135">
        <v>5.425601896978967</v>
      </c>
      <c r="D9" s="136">
        <v>2.2820295307440942E-2</v>
      </c>
      <c r="P9" s="231"/>
      <c r="Q9" s="231"/>
      <c r="R9" s="231"/>
      <c r="S9" s="231"/>
      <c r="T9" s="231"/>
      <c r="U9" s="231"/>
      <c r="V9" s="231"/>
      <c r="W9" s="231"/>
      <c r="X9" s="231"/>
      <c r="Y9" s="231"/>
      <c r="Z9" s="231"/>
      <c r="AA9" s="231"/>
      <c r="AB9" s="231"/>
      <c r="AC9" s="231"/>
      <c r="AD9" s="231"/>
      <c r="AE9" s="231"/>
      <c r="AF9" s="231"/>
      <c r="AG9" s="231"/>
      <c r="AH9" s="231"/>
      <c r="AI9" s="231"/>
      <c r="AJ9" s="231"/>
      <c r="AK9" s="231"/>
    </row>
    <row r="10" spans="1:37">
      <c r="A10" s="43" t="s">
        <v>350</v>
      </c>
      <c r="B10" s="51">
        <v>3719</v>
      </c>
      <c r="C10" s="132">
        <v>5.2193696323113699</v>
      </c>
      <c r="D10" s="133">
        <v>3.8927555702293927E-2</v>
      </c>
      <c r="P10" s="231"/>
      <c r="Q10" s="231"/>
      <c r="R10" s="231"/>
      <c r="S10" s="231"/>
      <c r="T10" s="231"/>
      <c r="U10" s="231"/>
      <c r="V10" s="231"/>
      <c r="W10" s="231"/>
      <c r="X10" s="231"/>
      <c r="Y10" s="231"/>
      <c r="Z10" s="231"/>
      <c r="AA10" s="231"/>
      <c r="AB10" s="231"/>
      <c r="AC10" s="231"/>
      <c r="AD10" s="231"/>
      <c r="AE10" s="231"/>
      <c r="AF10" s="231"/>
      <c r="AG10" s="231"/>
      <c r="AH10" s="231"/>
      <c r="AI10" s="231"/>
      <c r="AJ10" s="231"/>
      <c r="AK10" s="231"/>
    </row>
    <row r="11" spans="1:37">
      <c r="A11" s="47" t="s">
        <v>574</v>
      </c>
      <c r="B11" s="47">
        <v>4942</v>
      </c>
      <c r="C11" s="135">
        <v>5.2474288386696113</v>
      </c>
      <c r="D11" s="136">
        <v>3.3704380647434015E-2</v>
      </c>
      <c r="P11" s="231"/>
      <c r="Q11" s="231"/>
      <c r="R11" s="231"/>
      <c r="S11" s="231"/>
      <c r="T11" s="231"/>
      <c r="U11" s="231"/>
      <c r="V11" s="231"/>
      <c r="W11" s="231"/>
      <c r="X11" s="231"/>
      <c r="Y11" s="231"/>
      <c r="Z11" s="231"/>
      <c r="AA11" s="231"/>
      <c r="AB11" s="231"/>
      <c r="AC11" s="231"/>
      <c r="AD11" s="231"/>
      <c r="AE11" s="231"/>
      <c r="AF11" s="231"/>
      <c r="AG11" s="231"/>
      <c r="AH11" s="231"/>
      <c r="AI11" s="231"/>
      <c r="AJ11" s="231"/>
      <c r="AK11" s="231"/>
    </row>
    <row r="12" spans="1:37">
      <c r="A12" s="43" t="s">
        <v>575</v>
      </c>
      <c r="B12" s="51">
        <v>5058</v>
      </c>
      <c r="C12" s="132">
        <v>5.5232411162654156</v>
      </c>
      <c r="D12" s="133">
        <v>3.1095354236872413E-2</v>
      </c>
      <c r="P12" s="231"/>
      <c r="Q12" s="231"/>
      <c r="R12" s="231"/>
      <c r="S12" s="231"/>
      <c r="T12" s="231"/>
      <c r="U12" s="231"/>
      <c r="V12" s="231"/>
      <c r="W12" s="231"/>
      <c r="X12" s="231"/>
      <c r="Y12" s="231"/>
      <c r="Z12" s="231"/>
      <c r="AA12" s="231"/>
      <c r="AB12" s="231"/>
      <c r="AC12" s="231"/>
      <c r="AD12" s="231"/>
      <c r="AE12" s="231"/>
      <c r="AF12" s="231"/>
      <c r="AG12" s="231"/>
      <c r="AH12" s="231"/>
      <c r="AI12" s="231"/>
      <c r="AJ12" s="231"/>
      <c r="AK12" s="231"/>
    </row>
    <row r="13" spans="1:37">
      <c r="A13" s="47" t="s">
        <v>576</v>
      </c>
      <c r="B13" s="47">
        <v>3082</v>
      </c>
      <c r="C13" s="135">
        <v>5.3356611574577437</v>
      </c>
      <c r="D13" s="136">
        <v>4.1501610353028219E-2</v>
      </c>
      <c r="P13" s="231"/>
      <c r="Q13" s="231"/>
      <c r="R13" s="231"/>
      <c r="S13" s="231"/>
      <c r="T13" s="231"/>
      <c r="U13" s="231"/>
      <c r="V13" s="231"/>
      <c r="W13" s="231"/>
      <c r="X13" s="231"/>
      <c r="Y13" s="231"/>
      <c r="Z13" s="231"/>
      <c r="AA13" s="231"/>
      <c r="AB13" s="231"/>
      <c r="AC13" s="231"/>
      <c r="AD13" s="231"/>
      <c r="AE13" s="231"/>
      <c r="AF13" s="231"/>
      <c r="AG13" s="231"/>
      <c r="AH13" s="231"/>
      <c r="AI13" s="231"/>
      <c r="AJ13" s="231"/>
      <c r="AK13" s="231"/>
    </row>
    <row r="14" spans="1:37">
      <c r="A14" s="43" t="s">
        <v>577</v>
      </c>
      <c r="B14" s="51">
        <v>410</v>
      </c>
      <c r="C14" s="132">
        <v>5.1914784447756519</v>
      </c>
      <c r="D14" s="133">
        <v>0.12589851477006184</v>
      </c>
      <c r="P14" s="231"/>
      <c r="Q14" s="231"/>
      <c r="R14" s="231"/>
      <c r="S14" s="231"/>
      <c r="T14" s="231"/>
      <c r="U14" s="231"/>
      <c r="V14" s="231"/>
      <c r="W14" s="231"/>
      <c r="X14" s="231"/>
      <c r="Y14" s="231"/>
      <c r="Z14" s="231"/>
      <c r="AA14" s="231"/>
      <c r="AB14" s="231"/>
      <c r="AC14" s="231"/>
      <c r="AD14" s="231"/>
      <c r="AE14" s="231"/>
      <c r="AF14" s="231"/>
      <c r="AG14" s="231"/>
      <c r="AH14" s="231"/>
      <c r="AI14" s="231"/>
      <c r="AJ14" s="231"/>
      <c r="AK14" s="231"/>
    </row>
    <row r="15" spans="1:37">
      <c r="A15" s="47" t="s">
        <v>578</v>
      </c>
      <c r="B15" s="47">
        <v>143</v>
      </c>
      <c r="C15" s="135">
        <v>5.1330822189969503</v>
      </c>
      <c r="D15" s="136">
        <v>0.22858480974189144</v>
      </c>
      <c r="P15" s="231"/>
      <c r="Q15" s="231"/>
      <c r="R15" s="231"/>
      <c r="S15" s="231"/>
      <c r="T15" s="231"/>
      <c r="U15" s="231"/>
      <c r="V15" s="231"/>
      <c r="W15" s="231"/>
      <c r="X15" s="231"/>
      <c r="Y15" s="231"/>
      <c r="Z15" s="231"/>
      <c r="AA15" s="231"/>
      <c r="AB15" s="231"/>
      <c r="AC15" s="231"/>
      <c r="AD15" s="231"/>
      <c r="AE15" s="231"/>
      <c r="AF15" s="231"/>
      <c r="AG15" s="231"/>
      <c r="AH15" s="231"/>
      <c r="AI15" s="231"/>
      <c r="AJ15" s="231"/>
      <c r="AK15" s="231"/>
    </row>
    <row r="16" spans="1:37">
      <c r="A16" s="43" t="s">
        <v>581</v>
      </c>
      <c r="B16" s="51">
        <v>9639</v>
      </c>
      <c r="C16" s="132">
        <v>5.2955383991030791</v>
      </c>
      <c r="D16" s="133">
        <v>2.3688845714248855E-2</v>
      </c>
      <c r="P16" s="231"/>
      <c r="Q16" s="231"/>
      <c r="R16" s="231"/>
      <c r="S16" s="231"/>
      <c r="T16" s="231"/>
      <c r="U16" s="231"/>
      <c r="V16" s="231"/>
      <c r="W16" s="231"/>
      <c r="X16" s="231"/>
      <c r="Y16" s="231"/>
      <c r="Z16" s="231"/>
      <c r="AA16" s="231"/>
      <c r="AB16" s="231"/>
      <c r="AC16" s="231"/>
      <c r="AD16" s="231"/>
      <c r="AE16" s="231"/>
      <c r="AF16" s="231"/>
      <c r="AG16" s="231"/>
      <c r="AH16" s="231"/>
      <c r="AI16" s="231"/>
      <c r="AJ16" s="231"/>
      <c r="AK16" s="231"/>
    </row>
    <row r="17" spans="1:56">
      <c r="A17" s="47" t="s">
        <v>580</v>
      </c>
      <c r="B17" s="47">
        <v>3979</v>
      </c>
      <c r="C17" s="135">
        <v>5.4267291407788765</v>
      </c>
      <c r="D17" s="136">
        <v>3.646182627441974E-2</v>
      </c>
      <c r="P17" s="231"/>
      <c r="Q17" s="231"/>
      <c r="R17" s="231"/>
      <c r="S17" s="231"/>
      <c r="T17" s="231"/>
      <c r="U17" s="231"/>
      <c r="V17" s="231"/>
      <c r="W17" s="231"/>
      <c r="X17" s="231"/>
      <c r="Y17" s="231"/>
      <c r="Z17" s="231"/>
      <c r="AA17" s="231"/>
      <c r="AB17" s="231"/>
      <c r="AC17" s="231"/>
      <c r="AD17" s="231"/>
      <c r="AE17" s="231"/>
      <c r="AF17" s="231"/>
      <c r="AG17" s="231"/>
      <c r="AH17" s="231"/>
      <c r="AI17" s="231"/>
      <c r="AJ17" s="231"/>
      <c r="AK17" s="231"/>
    </row>
    <row r="18" spans="1:56">
      <c r="A18" s="43" t="s">
        <v>583</v>
      </c>
      <c r="B18" s="131">
        <v>915</v>
      </c>
      <c r="C18" s="132">
        <v>5.3449486777620603</v>
      </c>
      <c r="D18" s="133">
        <v>8.0085229828988691E-2</v>
      </c>
      <c r="P18" s="231"/>
      <c r="Q18" s="231"/>
      <c r="R18" s="231"/>
      <c r="S18" s="231"/>
      <c r="T18" s="231"/>
      <c r="U18" s="231"/>
      <c r="V18" s="231"/>
      <c r="W18" s="231"/>
      <c r="X18" s="231"/>
      <c r="Y18" s="231"/>
      <c r="Z18" s="231"/>
      <c r="AA18" s="231"/>
      <c r="AB18" s="231"/>
      <c r="AC18" s="231"/>
      <c r="AD18" s="231"/>
      <c r="AE18" s="231"/>
      <c r="AF18" s="231"/>
      <c r="AG18" s="231"/>
      <c r="AH18" s="231"/>
      <c r="AI18" s="231"/>
      <c r="AJ18" s="231"/>
      <c r="AK18" s="231"/>
    </row>
    <row r="19" spans="1:56">
      <c r="A19" s="47" t="s">
        <v>582</v>
      </c>
      <c r="B19" s="134">
        <v>3064</v>
      </c>
      <c r="C19" s="135">
        <v>5.4562428123638895</v>
      </c>
      <c r="D19" s="136">
        <v>4.0845785632585695E-2</v>
      </c>
      <c r="P19" s="231"/>
      <c r="Q19" s="231"/>
      <c r="R19" s="231"/>
      <c r="S19" s="231"/>
      <c r="T19" s="231"/>
      <c r="U19" s="231"/>
      <c r="V19" s="231"/>
      <c r="W19" s="231"/>
      <c r="X19" s="231"/>
      <c r="Y19" s="231"/>
      <c r="Z19" s="231"/>
      <c r="AA19" s="231"/>
      <c r="AB19" s="231"/>
      <c r="AC19" s="231"/>
      <c r="AD19" s="231"/>
      <c r="AE19" s="231"/>
      <c r="AF19" s="231"/>
      <c r="AG19" s="231"/>
      <c r="AH19" s="231"/>
      <c r="AI19" s="231"/>
      <c r="AJ19" s="231"/>
      <c r="AK19" s="231"/>
    </row>
    <row r="20" spans="1:56">
      <c r="A20" s="43" t="s">
        <v>568</v>
      </c>
      <c r="B20" s="81">
        <v>8170</v>
      </c>
      <c r="C20" s="82">
        <v>5.3372516228969236</v>
      </c>
      <c r="D20" s="133">
        <v>2.6225444832003307E-2</v>
      </c>
      <c r="P20" s="231"/>
      <c r="Q20" s="231"/>
      <c r="R20" s="231"/>
      <c r="S20" s="231"/>
      <c r="T20" s="231"/>
      <c r="U20" s="231"/>
      <c r="V20" s="231"/>
      <c r="W20" s="231"/>
      <c r="X20" s="231"/>
      <c r="Y20" s="231"/>
      <c r="Z20" s="231"/>
      <c r="AA20" s="231"/>
      <c r="AB20" s="231"/>
      <c r="AC20" s="231"/>
      <c r="AD20" s="231"/>
      <c r="AE20" s="231"/>
      <c r="AF20" s="231"/>
      <c r="AG20" s="231"/>
      <c r="AH20" s="231"/>
      <c r="AI20" s="231"/>
      <c r="AJ20" s="231"/>
      <c r="AK20" s="231"/>
    </row>
    <row r="21" spans="1:56">
      <c r="A21" s="47" t="s">
        <v>569</v>
      </c>
      <c r="B21" s="134">
        <v>5458</v>
      </c>
      <c r="C21" s="135">
        <v>5.2884193189643041</v>
      </c>
      <c r="D21" s="136">
        <v>3.0490961565620256E-2</v>
      </c>
      <c r="P21" s="231"/>
      <c r="Q21" s="231"/>
      <c r="R21" s="231"/>
      <c r="S21" s="231"/>
      <c r="T21" s="231"/>
      <c r="U21" s="231"/>
      <c r="V21" s="231"/>
      <c r="W21" s="231"/>
      <c r="X21" s="231"/>
      <c r="Y21" s="231"/>
      <c r="Z21" s="231"/>
      <c r="AA21" s="231"/>
      <c r="AB21" s="231"/>
      <c r="AC21" s="231"/>
      <c r="AD21" s="231"/>
      <c r="AE21" s="231"/>
      <c r="AF21" s="231"/>
      <c r="AG21" s="231"/>
      <c r="AH21" s="231"/>
      <c r="AI21" s="231"/>
      <c r="AJ21" s="231"/>
      <c r="AK21" s="231"/>
    </row>
    <row r="22" spans="1:56">
      <c r="A22" s="55" t="s">
        <v>570</v>
      </c>
      <c r="B22" s="131">
        <v>1786</v>
      </c>
      <c r="C22" s="132">
        <v>5.0461011023470155</v>
      </c>
      <c r="D22" s="133">
        <v>5.8391909562902834E-2</v>
      </c>
      <c r="P22" s="231"/>
      <c r="Q22" s="231"/>
      <c r="R22" s="231"/>
      <c r="S22" s="231"/>
      <c r="T22" s="231"/>
      <c r="U22" s="231"/>
      <c r="V22" s="231"/>
      <c r="W22" s="231"/>
      <c r="X22" s="231"/>
      <c r="Y22" s="231"/>
      <c r="Z22" s="231"/>
      <c r="AA22" s="231"/>
      <c r="AB22" s="231"/>
      <c r="AC22" s="231"/>
      <c r="AD22" s="231"/>
      <c r="AE22" s="231"/>
      <c r="AF22" s="231"/>
      <c r="AG22" s="231"/>
      <c r="AH22" s="231"/>
      <c r="AI22" s="231"/>
      <c r="AJ22" s="231"/>
      <c r="AK22" s="231"/>
    </row>
    <row r="23" spans="1:56">
      <c r="A23" s="47" t="s">
        <v>571</v>
      </c>
      <c r="B23" s="134">
        <v>3753</v>
      </c>
      <c r="C23" s="135">
        <v>5.2355969117974839</v>
      </c>
      <c r="D23" s="136">
        <v>3.7053270954479897E-2</v>
      </c>
      <c r="P23" s="231"/>
      <c r="Q23" s="231"/>
      <c r="R23" s="231"/>
      <c r="S23" s="231"/>
      <c r="T23" s="231"/>
      <c r="U23" s="231"/>
      <c r="V23" s="231"/>
      <c r="W23" s="231"/>
      <c r="X23" s="231"/>
      <c r="Y23" s="231"/>
      <c r="Z23" s="231"/>
      <c r="AA23" s="231"/>
      <c r="AB23" s="231"/>
      <c r="AC23" s="231"/>
      <c r="AD23" s="231"/>
      <c r="AE23" s="231"/>
      <c r="AF23" s="231"/>
      <c r="AG23" s="231"/>
      <c r="AH23" s="231"/>
      <c r="AI23" s="231"/>
      <c r="AJ23" s="231"/>
      <c r="AK23" s="231"/>
    </row>
    <row r="24" spans="1:56">
      <c r="A24" s="55" t="s">
        <v>572</v>
      </c>
      <c r="B24" s="131">
        <v>4090</v>
      </c>
      <c r="C24" s="132">
        <v>5.3335673860578039</v>
      </c>
      <c r="D24" s="133">
        <v>3.7021215278626868E-2</v>
      </c>
      <c r="P24" s="231"/>
      <c r="Q24" s="231"/>
      <c r="R24" s="231"/>
      <c r="S24" s="231"/>
      <c r="T24" s="231"/>
      <c r="U24" s="231"/>
      <c r="V24" s="231"/>
      <c r="W24" s="231"/>
      <c r="X24" s="231"/>
      <c r="Y24" s="231"/>
      <c r="Z24" s="231"/>
      <c r="AA24" s="231"/>
      <c r="AB24" s="231"/>
      <c r="AC24" s="231"/>
      <c r="AD24" s="231"/>
      <c r="AE24" s="231"/>
      <c r="AF24" s="231"/>
      <c r="AG24" s="231"/>
      <c r="AH24" s="231"/>
      <c r="AI24" s="231"/>
      <c r="AJ24" s="231"/>
      <c r="AK24" s="231"/>
    </row>
    <row r="25" spans="1:56">
      <c r="A25" s="47" t="s">
        <v>573</v>
      </c>
      <c r="B25" s="134">
        <v>3932</v>
      </c>
      <c r="C25" s="135">
        <v>5.7074547016083761</v>
      </c>
      <c r="D25" s="136">
        <v>3.3443057746198664E-2</v>
      </c>
      <c r="P25" s="231"/>
      <c r="Q25" s="231"/>
      <c r="R25" s="231"/>
      <c r="S25" s="231"/>
      <c r="T25" s="231"/>
      <c r="U25" s="231"/>
      <c r="V25" s="231"/>
      <c r="W25" s="231"/>
      <c r="X25" s="231"/>
      <c r="Y25" s="231"/>
      <c r="Z25" s="231"/>
      <c r="AA25" s="231"/>
      <c r="AB25" s="231"/>
      <c r="AC25" s="231"/>
      <c r="AD25" s="231"/>
      <c r="AE25" s="231"/>
      <c r="AF25" s="231"/>
      <c r="AG25" s="231"/>
      <c r="AH25" s="231"/>
      <c r="AI25" s="231"/>
      <c r="AJ25" s="231"/>
      <c r="AK25" s="231"/>
    </row>
    <row r="26" spans="1:56">
      <c r="A26" s="55" t="s">
        <v>579</v>
      </c>
      <c r="B26" s="131">
        <v>9448</v>
      </c>
      <c r="C26" s="132">
        <v>5.3100021534199975</v>
      </c>
      <c r="D26" s="133">
        <v>2.4047640624547652E-2</v>
      </c>
      <c r="P26" s="231"/>
      <c r="Q26" s="231"/>
      <c r="R26" s="231"/>
      <c r="S26" s="231"/>
      <c r="T26" s="231"/>
      <c r="U26" s="231"/>
      <c r="V26" s="231"/>
      <c r="W26" s="231"/>
      <c r="X26" s="231"/>
      <c r="Y26" s="231"/>
      <c r="Z26" s="231"/>
      <c r="AA26" s="231"/>
      <c r="AB26" s="231"/>
      <c r="AC26" s="231"/>
      <c r="AD26" s="231"/>
      <c r="AE26" s="231"/>
      <c r="AF26" s="231"/>
      <c r="AG26" s="231"/>
      <c r="AH26" s="231"/>
      <c r="AI26" s="231"/>
      <c r="AJ26" s="231"/>
      <c r="AK26" s="231"/>
    </row>
    <row r="27" spans="1:56">
      <c r="A27" s="47" t="s">
        <v>585</v>
      </c>
      <c r="B27" s="134">
        <v>1521</v>
      </c>
      <c r="C27" s="135">
        <v>5.3679733199840172</v>
      </c>
      <c r="D27" s="136">
        <v>5.853452183205559E-2</v>
      </c>
      <c r="P27" s="231"/>
      <c r="Q27" s="231"/>
      <c r="R27" s="231"/>
      <c r="S27" s="231"/>
      <c r="T27" s="231"/>
      <c r="U27" s="231"/>
      <c r="V27" s="231"/>
      <c r="W27" s="231"/>
      <c r="X27" s="231"/>
      <c r="Y27" s="231"/>
      <c r="Z27" s="231"/>
      <c r="AA27" s="231"/>
      <c r="AB27" s="231"/>
      <c r="AC27" s="231"/>
      <c r="AD27" s="231"/>
      <c r="AE27" s="231"/>
      <c r="AF27" s="231"/>
      <c r="AG27" s="231"/>
      <c r="AH27" s="231"/>
      <c r="AI27" s="231"/>
      <c r="AJ27" s="231"/>
      <c r="AK27" s="231"/>
    </row>
    <row r="28" spans="1:56">
      <c r="A28" s="55" t="s">
        <v>586</v>
      </c>
      <c r="B28" s="131">
        <v>896</v>
      </c>
      <c r="C28" s="132">
        <v>5.3350097581429798</v>
      </c>
      <c r="D28" s="133">
        <v>7.6788491725289718E-2</v>
      </c>
      <c r="P28" s="231"/>
      <c r="Q28" s="231"/>
      <c r="R28" s="231"/>
      <c r="S28" s="231"/>
      <c r="T28" s="231"/>
      <c r="U28" s="231"/>
      <c r="V28" s="231"/>
      <c r="W28" s="231"/>
      <c r="X28" s="231"/>
      <c r="Y28" s="231"/>
      <c r="Z28" s="231"/>
      <c r="AA28" s="231"/>
      <c r="AB28" s="231"/>
      <c r="AC28" s="231"/>
      <c r="AD28" s="231"/>
      <c r="AE28" s="231"/>
      <c r="AF28" s="231"/>
      <c r="AG28" s="231"/>
      <c r="AH28" s="231"/>
      <c r="AI28" s="231"/>
      <c r="AJ28" s="231"/>
      <c r="AK28" s="231"/>
    </row>
    <row r="29" spans="1:56">
      <c r="A29" s="47" t="s">
        <v>584</v>
      </c>
      <c r="B29" s="134">
        <v>299</v>
      </c>
      <c r="C29" s="135">
        <v>5.1474690449400669</v>
      </c>
      <c r="D29" s="136">
        <v>0.15897014399327175</v>
      </c>
      <c r="P29" s="231"/>
      <c r="Q29" s="231"/>
      <c r="R29" s="231"/>
      <c r="S29" s="231"/>
      <c r="T29" s="231"/>
      <c r="U29" s="231"/>
      <c r="V29" s="231"/>
      <c r="W29" s="231"/>
      <c r="X29" s="231"/>
      <c r="Y29" s="231"/>
      <c r="Z29" s="231"/>
      <c r="AA29" s="231"/>
      <c r="AB29" s="231"/>
      <c r="AC29" s="231"/>
      <c r="AD29" s="231"/>
      <c r="AE29" s="231"/>
      <c r="AF29" s="231"/>
      <c r="AG29" s="231"/>
      <c r="AH29" s="231"/>
      <c r="AI29" s="231"/>
      <c r="AJ29" s="231"/>
      <c r="AK29" s="231"/>
    </row>
    <row r="30" spans="1:56">
      <c r="A30" s="55" t="s">
        <v>587</v>
      </c>
      <c r="B30" s="131">
        <v>12813</v>
      </c>
      <c r="C30" s="132">
        <v>5.3293994897926575</v>
      </c>
      <c r="D30" s="133">
        <v>2.02806789971029E-2</v>
      </c>
      <c r="P30" s="231"/>
      <c r="Q30" s="231"/>
      <c r="R30" s="231"/>
      <c r="S30" s="231"/>
      <c r="T30" s="231"/>
      <c r="U30" s="231"/>
      <c r="V30" s="231"/>
      <c r="W30" s="231"/>
      <c r="X30" s="231"/>
      <c r="Y30" s="231"/>
      <c r="Z30" s="231"/>
      <c r="AA30" s="231"/>
      <c r="AB30" s="231"/>
      <c r="AC30" s="231"/>
      <c r="AD30" s="231"/>
      <c r="AE30" s="231"/>
      <c r="AF30" s="231"/>
      <c r="AG30" s="231"/>
      <c r="AH30" s="231"/>
      <c r="AI30" s="231"/>
      <c r="AJ30" s="231"/>
      <c r="AK30" s="231"/>
    </row>
    <row r="31" spans="1:56">
      <c r="P31" s="231"/>
      <c r="Q31" s="231"/>
      <c r="R31" s="231"/>
      <c r="S31" s="231"/>
      <c r="T31" s="231"/>
      <c r="U31" s="231"/>
      <c r="V31" s="231"/>
      <c r="W31" s="231"/>
      <c r="X31" s="231"/>
      <c r="Y31" s="231"/>
      <c r="Z31" s="231"/>
      <c r="AA31" s="231"/>
      <c r="AB31" s="231"/>
      <c r="AC31" s="231"/>
      <c r="AD31" s="231"/>
      <c r="AE31" s="231"/>
      <c r="AF31" s="231"/>
      <c r="AG31" s="231"/>
      <c r="AH31" s="231"/>
      <c r="AI31" s="231"/>
      <c r="AJ31" s="231"/>
      <c r="AK31" s="231"/>
    </row>
    <row r="32" spans="1:56" ht="18.75">
      <c r="A32" s="355" t="s">
        <v>496</v>
      </c>
      <c r="B32" s="355"/>
      <c r="C32" s="355"/>
      <c r="D32" s="355"/>
      <c r="E32" s="355"/>
      <c r="F32" s="355"/>
      <c r="G32" s="355"/>
      <c r="H32" s="355"/>
      <c r="I32" s="355"/>
      <c r="J32" s="355"/>
      <c r="K32" s="355"/>
      <c r="L32" s="355"/>
      <c r="M32" s="355"/>
      <c r="N32" s="355"/>
      <c r="O32" s="355"/>
      <c r="P32" s="355"/>
      <c r="Q32" s="355"/>
      <c r="R32" s="355"/>
      <c r="S32" s="355"/>
      <c r="T32" s="355"/>
      <c r="U32" s="355"/>
      <c r="V32" s="355"/>
      <c r="W32" s="355"/>
      <c r="X32" s="355"/>
      <c r="Y32" s="355"/>
      <c r="Z32" s="355"/>
      <c r="AA32" s="355"/>
      <c r="AB32" s="355"/>
      <c r="AC32" s="355"/>
      <c r="AD32" s="355"/>
      <c r="AE32" s="355"/>
      <c r="AF32" s="355"/>
      <c r="AG32" s="355"/>
      <c r="AH32" s="355"/>
      <c r="AI32" s="355"/>
      <c r="AJ32" s="355"/>
      <c r="AK32" s="355"/>
      <c r="AL32" s="355"/>
      <c r="AM32" s="355"/>
      <c r="AN32" s="355"/>
      <c r="AO32" s="355"/>
      <c r="AP32" s="355"/>
      <c r="AQ32" s="355"/>
      <c r="AR32" s="355"/>
      <c r="AS32" s="355"/>
      <c r="AT32" s="355"/>
      <c r="AU32" s="355"/>
      <c r="AV32" s="355"/>
      <c r="AW32" s="355"/>
      <c r="AX32" s="355"/>
      <c r="AY32" s="355"/>
      <c r="AZ32" s="355"/>
      <c r="BA32" s="355"/>
      <c r="BB32" s="355"/>
      <c r="BC32" s="355"/>
      <c r="BD32" s="355"/>
    </row>
    <row r="33" spans="1:56" ht="69" customHeight="1">
      <c r="A33" s="340" t="s">
        <v>545</v>
      </c>
      <c r="B33" s="340"/>
      <c r="C33" s="340"/>
      <c r="D33" s="340"/>
      <c r="E33" s="340"/>
      <c r="F33" s="340"/>
      <c r="G33" s="340"/>
      <c r="H33" s="340"/>
      <c r="I33" s="340"/>
      <c r="J33" s="340"/>
      <c r="K33" s="340"/>
      <c r="L33" s="340"/>
      <c r="M33" s="340"/>
      <c r="N33" s="340"/>
      <c r="O33" s="340"/>
      <c r="P33" s="340"/>
      <c r="Q33" s="340"/>
      <c r="R33" s="340"/>
      <c r="S33" s="340"/>
      <c r="T33" s="340"/>
      <c r="U33" s="340"/>
      <c r="V33" s="340"/>
      <c r="W33" s="340"/>
      <c r="X33" s="340"/>
      <c r="Y33" s="340"/>
      <c r="Z33" s="340"/>
      <c r="AA33" s="340"/>
      <c r="AB33" s="340"/>
      <c r="AC33" s="340"/>
      <c r="AD33" s="340"/>
      <c r="AE33" s="340"/>
      <c r="AF33" s="340"/>
      <c r="AG33" s="340"/>
      <c r="AH33" s="340"/>
      <c r="AI33" s="340"/>
      <c r="AJ33" s="340"/>
      <c r="AK33" s="340"/>
      <c r="AL33" s="340"/>
      <c r="AM33" s="340"/>
      <c r="AN33" s="340"/>
      <c r="AO33" s="340"/>
      <c r="AP33" s="340"/>
      <c r="AQ33" s="340"/>
      <c r="AR33" s="340"/>
      <c r="AS33" s="340"/>
      <c r="AT33" s="340"/>
      <c r="AU33" s="340"/>
      <c r="AV33" s="340"/>
      <c r="AW33" s="340"/>
      <c r="AX33" s="340"/>
      <c r="AY33" s="340"/>
      <c r="AZ33" s="340"/>
      <c r="BA33" s="340"/>
      <c r="BB33" s="340"/>
      <c r="BC33" s="340"/>
      <c r="BD33" s="340"/>
    </row>
    <row r="34" spans="1:56" ht="39.75" customHeight="1">
      <c r="A34" s="62"/>
      <c r="B34" s="352" t="s">
        <v>362</v>
      </c>
      <c r="C34" s="353"/>
      <c r="D34" s="353"/>
      <c r="E34" s="353"/>
      <c r="F34" s="353"/>
      <c r="G34" s="353"/>
      <c r="H34" s="353"/>
      <c r="I34" s="353"/>
      <c r="J34" s="353"/>
      <c r="K34" s="353"/>
      <c r="L34" s="354"/>
      <c r="M34" s="350" t="s">
        <v>83</v>
      </c>
      <c r="N34" s="351"/>
      <c r="O34" s="351"/>
      <c r="P34" s="351"/>
      <c r="Q34" s="351"/>
      <c r="R34" s="351"/>
      <c r="S34" s="351"/>
      <c r="T34" s="351"/>
      <c r="U34" s="351"/>
      <c r="V34" s="351"/>
      <c r="W34" s="351"/>
      <c r="X34" s="352" t="s">
        <v>363</v>
      </c>
      <c r="Y34" s="353"/>
      <c r="Z34" s="353"/>
      <c r="AA34" s="353"/>
      <c r="AB34" s="353"/>
      <c r="AC34" s="353"/>
      <c r="AD34" s="353"/>
      <c r="AE34" s="353"/>
      <c r="AF34" s="353"/>
      <c r="AG34" s="353"/>
      <c r="AH34" s="354"/>
      <c r="AI34" s="350" t="s">
        <v>364</v>
      </c>
      <c r="AJ34" s="351"/>
      <c r="AK34" s="351"/>
      <c r="AL34" s="351"/>
      <c r="AM34" s="351"/>
      <c r="AN34" s="351"/>
      <c r="AO34" s="351"/>
      <c r="AP34" s="351"/>
      <c r="AQ34" s="351"/>
      <c r="AR34" s="351"/>
      <c r="AS34" s="351"/>
      <c r="AT34" s="352" t="s">
        <v>365</v>
      </c>
      <c r="AU34" s="353"/>
      <c r="AV34" s="353"/>
      <c r="AW34" s="353"/>
      <c r="AX34" s="353"/>
      <c r="AY34" s="353"/>
      <c r="AZ34" s="353"/>
      <c r="BA34" s="353"/>
      <c r="BB34" s="353"/>
      <c r="BC34" s="353"/>
      <c r="BD34" s="354"/>
    </row>
    <row r="35" spans="1:56" ht="72">
      <c r="A35" s="35" t="s">
        <v>70</v>
      </c>
      <c r="B35" s="36" t="s">
        <v>71</v>
      </c>
      <c r="C35" s="37" t="s">
        <v>551</v>
      </c>
      <c r="D35" s="38" t="s">
        <v>72</v>
      </c>
      <c r="E35" s="36" t="s">
        <v>155</v>
      </c>
      <c r="F35" s="87" t="s">
        <v>84</v>
      </c>
      <c r="G35" s="36" t="s">
        <v>156</v>
      </c>
      <c r="H35" s="87" t="s">
        <v>85</v>
      </c>
      <c r="I35" s="36" t="s">
        <v>157</v>
      </c>
      <c r="J35" s="87" t="s">
        <v>86</v>
      </c>
      <c r="K35" s="36" t="s">
        <v>300</v>
      </c>
      <c r="L35" s="87" t="s">
        <v>299</v>
      </c>
      <c r="M35" s="63" t="s">
        <v>71</v>
      </c>
      <c r="N35" s="63" t="s">
        <v>551</v>
      </c>
      <c r="O35" s="63" t="s">
        <v>72</v>
      </c>
      <c r="P35" s="63" t="s">
        <v>155</v>
      </c>
      <c r="Q35" s="86" t="s">
        <v>84</v>
      </c>
      <c r="R35" s="63" t="s">
        <v>156</v>
      </c>
      <c r="S35" s="86" t="s">
        <v>85</v>
      </c>
      <c r="T35" s="63" t="s">
        <v>157</v>
      </c>
      <c r="U35" s="86" t="s">
        <v>86</v>
      </c>
      <c r="V35" s="63" t="s">
        <v>300</v>
      </c>
      <c r="W35" s="86" t="s">
        <v>299</v>
      </c>
      <c r="X35" s="36" t="s">
        <v>71</v>
      </c>
      <c r="Y35" s="37" t="s">
        <v>551</v>
      </c>
      <c r="Z35" s="38" t="s">
        <v>72</v>
      </c>
      <c r="AA35" s="36" t="s">
        <v>155</v>
      </c>
      <c r="AB35" s="87" t="s">
        <v>84</v>
      </c>
      <c r="AC35" s="36" t="s">
        <v>156</v>
      </c>
      <c r="AD35" s="87" t="s">
        <v>85</v>
      </c>
      <c r="AE35" s="36" t="s">
        <v>157</v>
      </c>
      <c r="AF35" s="87" t="s">
        <v>86</v>
      </c>
      <c r="AG35" s="36" t="s">
        <v>300</v>
      </c>
      <c r="AH35" s="87" t="s">
        <v>299</v>
      </c>
      <c r="AI35" s="63" t="s">
        <v>71</v>
      </c>
      <c r="AJ35" s="63" t="s">
        <v>551</v>
      </c>
      <c r="AK35" s="63" t="s">
        <v>72</v>
      </c>
      <c r="AL35" s="63" t="s">
        <v>155</v>
      </c>
      <c r="AM35" s="86" t="s">
        <v>84</v>
      </c>
      <c r="AN35" s="63" t="s">
        <v>156</v>
      </c>
      <c r="AO35" s="86" t="s">
        <v>85</v>
      </c>
      <c r="AP35" s="63" t="s">
        <v>157</v>
      </c>
      <c r="AQ35" s="86" t="s">
        <v>86</v>
      </c>
      <c r="AR35" s="63" t="s">
        <v>300</v>
      </c>
      <c r="AS35" s="86" t="s">
        <v>299</v>
      </c>
      <c r="AT35" s="36" t="s">
        <v>71</v>
      </c>
      <c r="AU35" s="37" t="s">
        <v>551</v>
      </c>
      <c r="AV35" s="38" t="s">
        <v>72</v>
      </c>
      <c r="AW35" s="36" t="s">
        <v>155</v>
      </c>
      <c r="AX35" s="87" t="s">
        <v>84</v>
      </c>
      <c r="AY35" s="36" t="s">
        <v>156</v>
      </c>
      <c r="AZ35" s="87" t="s">
        <v>85</v>
      </c>
      <c r="BA35" s="36" t="s">
        <v>157</v>
      </c>
      <c r="BB35" s="87" t="s">
        <v>86</v>
      </c>
      <c r="BC35" s="36" t="s">
        <v>300</v>
      </c>
      <c r="BD35" s="87" t="s">
        <v>299</v>
      </c>
    </row>
    <row r="36" spans="1:56" ht="92.25" customHeight="1">
      <c r="A36" s="39"/>
      <c r="B36" s="40" t="s">
        <v>73</v>
      </c>
      <c r="C36" s="41" t="s">
        <v>301</v>
      </c>
      <c r="D36" s="42" t="s">
        <v>75</v>
      </c>
      <c r="E36" s="40" t="s">
        <v>158</v>
      </c>
      <c r="F36" s="89" t="s">
        <v>87</v>
      </c>
      <c r="G36" s="40" t="s">
        <v>159</v>
      </c>
      <c r="H36" s="89" t="s">
        <v>87</v>
      </c>
      <c r="I36" s="40" t="s">
        <v>160</v>
      </c>
      <c r="J36" s="89" t="s">
        <v>87</v>
      </c>
      <c r="K36" s="40" t="s">
        <v>300</v>
      </c>
      <c r="L36" s="89" t="s">
        <v>87</v>
      </c>
      <c r="M36" s="66" t="s">
        <v>73</v>
      </c>
      <c r="N36" s="66" t="s">
        <v>301</v>
      </c>
      <c r="O36" s="66" t="s">
        <v>75</v>
      </c>
      <c r="P36" s="66" t="s">
        <v>158</v>
      </c>
      <c r="Q36" s="88" t="s">
        <v>87</v>
      </c>
      <c r="R36" s="66" t="s">
        <v>159</v>
      </c>
      <c r="S36" s="88" t="s">
        <v>87</v>
      </c>
      <c r="T36" s="66" t="s">
        <v>160</v>
      </c>
      <c r="U36" s="88" t="s">
        <v>87</v>
      </c>
      <c r="V36" s="66" t="s">
        <v>300</v>
      </c>
      <c r="W36" s="88" t="s">
        <v>87</v>
      </c>
      <c r="X36" s="40" t="s">
        <v>73</v>
      </c>
      <c r="Y36" s="41" t="s">
        <v>301</v>
      </c>
      <c r="Z36" s="42" t="s">
        <v>75</v>
      </c>
      <c r="AA36" s="40" t="s">
        <v>158</v>
      </c>
      <c r="AB36" s="89" t="s">
        <v>87</v>
      </c>
      <c r="AC36" s="40" t="s">
        <v>159</v>
      </c>
      <c r="AD36" s="89" t="s">
        <v>87</v>
      </c>
      <c r="AE36" s="40" t="s">
        <v>160</v>
      </c>
      <c r="AF36" s="89" t="s">
        <v>87</v>
      </c>
      <c r="AG36" s="40" t="s">
        <v>300</v>
      </c>
      <c r="AH36" s="89" t="s">
        <v>87</v>
      </c>
      <c r="AI36" s="66" t="s">
        <v>73</v>
      </c>
      <c r="AJ36" s="66" t="s">
        <v>301</v>
      </c>
      <c r="AK36" s="66" t="s">
        <v>75</v>
      </c>
      <c r="AL36" s="66" t="s">
        <v>158</v>
      </c>
      <c r="AM36" s="88" t="s">
        <v>87</v>
      </c>
      <c r="AN36" s="66" t="s">
        <v>159</v>
      </c>
      <c r="AO36" s="88" t="s">
        <v>87</v>
      </c>
      <c r="AP36" s="66" t="s">
        <v>160</v>
      </c>
      <c r="AQ36" s="88" t="s">
        <v>87</v>
      </c>
      <c r="AR36" s="66" t="s">
        <v>300</v>
      </c>
      <c r="AS36" s="88" t="s">
        <v>87</v>
      </c>
      <c r="AT36" s="40" t="s">
        <v>73</v>
      </c>
      <c r="AU36" s="41" t="s">
        <v>301</v>
      </c>
      <c r="AV36" s="42" t="s">
        <v>75</v>
      </c>
      <c r="AW36" s="40" t="s">
        <v>158</v>
      </c>
      <c r="AX36" s="89" t="s">
        <v>87</v>
      </c>
      <c r="AY36" s="40" t="s">
        <v>159</v>
      </c>
      <c r="AZ36" s="89" t="s">
        <v>87</v>
      </c>
      <c r="BA36" s="40" t="s">
        <v>160</v>
      </c>
      <c r="BB36" s="89" t="s">
        <v>87</v>
      </c>
      <c r="BC36" s="40" t="s">
        <v>300</v>
      </c>
      <c r="BD36" s="89" t="s">
        <v>87</v>
      </c>
    </row>
    <row r="37" spans="1:56">
      <c r="A37" s="43" t="s">
        <v>348</v>
      </c>
      <c r="B37" s="98">
        <v>14077</v>
      </c>
      <c r="C37" s="99">
        <v>5.6717195030164307</v>
      </c>
      <c r="D37" s="100">
        <v>2.2006655167935329E-2</v>
      </c>
      <c r="E37" s="91">
        <v>6.7939177629308845E-2</v>
      </c>
      <c r="F37" s="92">
        <v>4.2448158483552227E-3</v>
      </c>
      <c r="G37" s="91">
        <v>9.8358568809517877E-2</v>
      </c>
      <c r="H37" s="92">
        <v>5.0218130243042756E-3</v>
      </c>
      <c r="I37" s="91">
        <v>0.8257634858875279</v>
      </c>
      <c r="J37" s="92">
        <v>6.3944270113314647E-3</v>
      </c>
      <c r="K37" s="91">
        <v>7.9387676736491011E-3</v>
      </c>
      <c r="L37" s="92">
        <v>1.5087543635825945E-3</v>
      </c>
      <c r="M37" s="90">
        <v>13888</v>
      </c>
      <c r="N37" s="99">
        <v>4.7609655299294502</v>
      </c>
      <c r="O37" s="100">
        <v>2.4780577644294373E-2</v>
      </c>
      <c r="P37" s="91">
        <v>0.16101703319469568</v>
      </c>
      <c r="Q37" s="92">
        <v>6.2383023087637032E-3</v>
      </c>
      <c r="R37" s="91">
        <v>0.20081184660958318</v>
      </c>
      <c r="S37" s="92">
        <v>6.7988665767560385E-3</v>
      </c>
      <c r="T37" s="91">
        <v>0.55179722526924591</v>
      </c>
      <c r="U37" s="92">
        <v>8.4387086173694625E-3</v>
      </c>
      <c r="V37" s="91">
        <v>8.6373894926489211E-2</v>
      </c>
      <c r="W37" s="92">
        <v>4.7697323725509047E-3</v>
      </c>
      <c r="X37" s="98">
        <v>13988</v>
      </c>
      <c r="Y37" s="99">
        <v>5.4647883414652423</v>
      </c>
      <c r="Z37" s="100">
        <v>2.3873255796919322E-2</v>
      </c>
      <c r="AA37" s="91">
        <v>9.493294388461665E-2</v>
      </c>
      <c r="AB37" s="92">
        <v>4.9587918774402833E-3</v>
      </c>
      <c r="AC37" s="91">
        <v>0.13882229336557911</v>
      </c>
      <c r="AD37" s="92">
        <v>5.8479211209676108E-3</v>
      </c>
      <c r="AE37" s="91">
        <v>0.75480760630495358</v>
      </c>
      <c r="AF37" s="92">
        <v>7.2745355965066223E-3</v>
      </c>
      <c r="AG37" s="91">
        <v>1.1437156444856489E-2</v>
      </c>
      <c r="AH37" s="92">
        <v>1.8086573734438583E-3</v>
      </c>
      <c r="AI37" s="90">
        <v>13944</v>
      </c>
      <c r="AJ37" s="99">
        <v>5.3636066188661893</v>
      </c>
      <c r="AK37" s="100">
        <v>2.4887361890588471E-2</v>
      </c>
      <c r="AL37" s="91">
        <v>9.8959852403268211E-2</v>
      </c>
      <c r="AM37" s="92">
        <v>5.0594128305096559E-3</v>
      </c>
      <c r="AN37" s="91">
        <v>0.13544595495136738</v>
      </c>
      <c r="AO37" s="92">
        <v>5.796881252894309E-3</v>
      </c>
      <c r="AP37" s="91">
        <v>0.73981757192299402</v>
      </c>
      <c r="AQ37" s="92">
        <v>7.4304058022558496E-3</v>
      </c>
      <c r="AR37" s="91">
        <v>2.5776620722375066E-2</v>
      </c>
      <c r="AS37" s="92">
        <v>2.6904729721280692E-3</v>
      </c>
      <c r="AT37" s="98">
        <v>13946</v>
      </c>
      <c r="AU37" s="99">
        <v>5.2427828296385561</v>
      </c>
      <c r="AV37" s="100">
        <v>2.4062594200143159E-2</v>
      </c>
      <c r="AW37" s="91">
        <v>0.11644986583040216</v>
      </c>
      <c r="AX37" s="92">
        <v>5.4338286480597135E-3</v>
      </c>
      <c r="AY37" s="91">
        <v>0.16078765872578515</v>
      </c>
      <c r="AZ37" s="92">
        <v>6.2217324091287576E-3</v>
      </c>
      <c r="BA37" s="91">
        <v>0.70942705138245044</v>
      </c>
      <c r="BB37" s="92">
        <v>7.6886633308146631E-3</v>
      </c>
      <c r="BC37" s="91">
        <v>1.3335424061372461E-2</v>
      </c>
      <c r="BD37" s="92">
        <v>1.95236422490348E-3</v>
      </c>
    </row>
    <row r="38" spans="1:56">
      <c r="A38" s="47" t="s">
        <v>349</v>
      </c>
      <c r="B38" s="102">
        <v>10234</v>
      </c>
      <c r="C38" s="103">
        <v>5.8006953589647354</v>
      </c>
      <c r="D38" s="104">
        <v>2.5271619982050172E-2</v>
      </c>
      <c r="E38" s="94">
        <v>5.9659676196670029E-2</v>
      </c>
      <c r="F38" s="95">
        <v>4.6880363081661094E-3</v>
      </c>
      <c r="G38" s="94">
        <v>8.7849764391385393E-2</v>
      </c>
      <c r="H38" s="95">
        <v>5.5999641570346195E-3</v>
      </c>
      <c r="I38" s="94">
        <v>0.84853044784628484</v>
      </c>
      <c r="J38" s="95">
        <v>7.0889040262602544E-3</v>
      </c>
      <c r="K38" s="94">
        <v>3.9601115656494072E-3</v>
      </c>
      <c r="L38" s="95">
        <v>1.2712979478293133E-3</v>
      </c>
      <c r="M38" s="93">
        <v>10171</v>
      </c>
      <c r="N38" s="103">
        <v>4.9518092136617637</v>
      </c>
      <c r="O38" s="104">
        <v>2.8316101659227592E-2</v>
      </c>
      <c r="P38" s="94">
        <v>0.13800811947648678</v>
      </c>
      <c r="Q38" s="95">
        <v>6.8415520660949705E-3</v>
      </c>
      <c r="R38" s="94">
        <v>0.17956461148555583</v>
      </c>
      <c r="S38" s="95">
        <v>7.6122719028059805E-3</v>
      </c>
      <c r="T38" s="94">
        <v>0.61278144913559662</v>
      </c>
      <c r="U38" s="95">
        <v>9.6583473281565656E-3</v>
      </c>
      <c r="V38" s="94">
        <v>6.9645819902353454E-2</v>
      </c>
      <c r="W38" s="95">
        <v>5.0526803767661395E-3</v>
      </c>
      <c r="X38" s="102">
        <v>10172</v>
      </c>
      <c r="Y38" s="103">
        <v>5.5869534231471416</v>
      </c>
      <c r="Z38" s="104">
        <v>2.764728689001332E-2</v>
      </c>
      <c r="AA38" s="94">
        <v>9.1978480837174081E-2</v>
      </c>
      <c r="AB38" s="95">
        <v>5.7341967651713087E-3</v>
      </c>
      <c r="AC38" s="94">
        <v>0.1198177965089597</v>
      </c>
      <c r="AD38" s="95">
        <v>6.4420219270535962E-3</v>
      </c>
      <c r="AE38" s="94">
        <v>0.78034738616704957</v>
      </c>
      <c r="AF38" s="95">
        <v>8.2097866696426124E-3</v>
      </c>
      <c r="AG38" s="94">
        <v>7.8563364868076968E-3</v>
      </c>
      <c r="AH38" s="95">
        <v>1.7716528897605086E-3</v>
      </c>
      <c r="AI38" s="93">
        <v>10132</v>
      </c>
      <c r="AJ38" s="103">
        <v>5.3689438075203624</v>
      </c>
      <c r="AK38" s="104">
        <v>2.9776632696467912E-2</v>
      </c>
      <c r="AL38" s="94">
        <v>0.10558743794912794</v>
      </c>
      <c r="AM38" s="95">
        <v>6.1087709107046752E-3</v>
      </c>
      <c r="AN38" s="94">
        <v>0.13562741111890766</v>
      </c>
      <c r="AO38" s="95">
        <v>6.8047926543176093E-3</v>
      </c>
      <c r="AP38" s="94">
        <v>0.73746734649363577</v>
      </c>
      <c r="AQ38" s="95">
        <v>8.7419769929064986E-3</v>
      </c>
      <c r="AR38" s="94">
        <v>2.1317804438321323E-2</v>
      </c>
      <c r="AS38" s="95">
        <v>2.8817917428090381E-3</v>
      </c>
      <c r="AT38" s="102">
        <v>10137</v>
      </c>
      <c r="AU38" s="103">
        <v>5.3929460011779753</v>
      </c>
      <c r="AV38" s="104">
        <v>2.7648857802395448E-2</v>
      </c>
      <c r="AW38" s="94">
        <v>0.10402958928087169</v>
      </c>
      <c r="AX38" s="95">
        <v>6.0674023478873556E-3</v>
      </c>
      <c r="AY38" s="94">
        <v>0.13741601575282386</v>
      </c>
      <c r="AZ38" s="95">
        <v>6.8406733060973873E-3</v>
      </c>
      <c r="BA38" s="94">
        <v>0.74984691661001823</v>
      </c>
      <c r="BB38" s="95">
        <v>8.6027208045495827E-3</v>
      </c>
      <c r="BC38" s="94">
        <v>8.70747835627869E-3</v>
      </c>
      <c r="BD38" s="95">
        <v>1.86540820302059E-3</v>
      </c>
    </row>
    <row r="39" spans="1:56">
      <c r="A39" s="43" t="s">
        <v>350</v>
      </c>
      <c r="B39" s="98">
        <v>3843</v>
      </c>
      <c r="C39" s="99">
        <v>5.5695685726458244</v>
      </c>
      <c r="D39" s="100">
        <v>4.3671051724268904E-2</v>
      </c>
      <c r="E39" s="91">
        <v>7.4449882927680469E-2</v>
      </c>
      <c r="F39" s="92">
        <v>8.4875781931290414E-3</v>
      </c>
      <c r="G39" s="91">
        <v>0.10662231864534301</v>
      </c>
      <c r="H39" s="92">
        <v>9.9687910920710637E-3</v>
      </c>
      <c r="I39" s="91">
        <v>0.80786035717153071</v>
      </c>
      <c r="J39" s="92">
        <v>1.2712206754343047E-2</v>
      </c>
      <c r="K39" s="91">
        <v>1.1067441255447584E-2</v>
      </c>
      <c r="L39" s="92">
        <v>3.4491847089210535E-3</v>
      </c>
      <c r="M39" s="90">
        <v>3717</v>
      </c>
      <c r="N39" s="99">
        <v>4.601883811526486</v>
      </c>
      <c r="O39" s="100">
        <v>4.8929803325579023E-2</v>
      </c>
      <c r="P39" s="91">
        <v>0.17957361283544582</v>
      </c>
      <c r="Q39" s="92">
        <v>1.2594071914070342E-2</v>
      </c>
      <c r="R39" s="91">
        <v>0.21794764083061524</v>
      </c>
      <c r="S39" s="92">
        <v>1.3542905101077555E-2</v>
      </c>
      <c r="T39" s="91">
        <v>0.50261373834476852</v>
      </c>
      <c r="U39" s="92">
        <v>1.6393219114925386E-2</v>
      </c>
      <c r="V39" s="91">
        <v>9.9865007989171237E-2</v>
      </c>
      <c r="W39" s="92">
        <v>9.8489548838999168E-3</v>
      </c>
      <c r="X39" s="98">
        <v>3816</v>
      </c>
      <c r="Y39" s="99">
        <v>5.3680021337149011</v>
      </c>
      <c r="Z39" s="100">
        <v>4.6310427609142078E-2</v>
      </c>
      <c r="AA39" s="91">
        <v>9.7258541741567991E-2</v>
      </c>
      <c r="AB39" s="92">
        <v>9.6068707549487944E-3</v>
      </c>
      <c r="AC39" s="91">
        <v>0.15378163333786277</v>
      </c>
      <c r="AD39" s="92">
        <v>1.1684497352447126E-2</v>
      </c>
      <c r="AE39" s="91">
        <v>0.73470403541554274</v>
      </c>
      <c r="AF39" s="92">
        <v>1.4290527697099509E-2</v>
      </c>
      <c r="AG39" s="91">
        <v>1.4255789505028236E-2</v>
      </c>
      <c r="AH39" s="92">
        <v>3.902802593986324E-3</v>
      </c>
      <c r="AI39" s="90">
        <v>3812</v>
      </c>
      <c r="AJ39" s="99">
        <v>5.3593951931661827</v>
      </c>
      <c r="AK39" s="100">
        <v>4.4941211060316094E-2</v>
      </c>
      <c r="AL39" s="91">
        <v>9.3772684357470021E-2</v>
      </c>
      <c r="AM39" s="92">
        <v>9.4572380803216761E-3</v>
      </c>
      <c r="AN39" s="91">
        <v>0.13530393586651437</v>
      </c>
      <c r="AO39" s="92">
        <v>1.108739190888117E-2</v>
      </c>
      <c r="AP39" s="91">
        <v>0.74165700713861027</v>
      </c>
      <c r="AQ39" s="92">
        <v>1.4176347215489897E-2</v>
      </c>
      <c r="AR39" s="91">
        <v>2.9266372637407598E-2</v>
      </c>
      <c r="AS39" s="92">
        <v>5.5014919047469413E-3</v>
      </c>
      <c r="AT39" s="98">
        <v>3809</v>
      </c>
      <c r="AU39" s="99">
        <v>5.1237387333291071</v>
      </c>
      <c r="AV39" s="100">
        <v>4.7389960806706481E-2</v>
      </c>
      <c r="AW39" s="91">
        <v>0.12621411834361967</v>
      </c>
      <c r="AX39" s="92">
        <v>1.0770334328048033E-2</v>
      </c>
      <c r="AY39" s="91">
        <v>0.17916137389442194</v>
      </c>
      <c r="AZ39" s="92">
        <v>1.2429858142465144E-2</v>
      </c>
      <c r="BA39" s="91">
        <v>0.67765080477001594</v>
      </c>
      <c r="BB39" s="92">
        <v>1.5140096599956869E-2</v>
      </c>
      <c r="BC39" s="91">
        <v>1.6973702991942313E-2</v>
      </c>
      <c r="BD39" s="92">
        <v>4.2446619666232479E-3</v>
      </c>
    </row>
    <row r="40" spans="1:56">
      <c r="A40" s="47" t="s">
        <v>574</v>
      </c>
      <c r="B40" s="102">
        <v>5097</v>
      </c>
      <c r="C40" s="103">
        <v>5.6063366597569475</v>
      </c>
      <c r="D40" s="104">
        <v>3.7425760253979735E-2</v>
      </c>
      <c r="E40" s="94">
        <v>7.1313363181279843E-2</v>
      </c>
      <c r="F40" s="95">
        <v>7.2221244116040945E-3</v>
      </c>
      <c r="G40" s="94">
        <v>0.1022290730493437</v>
      </c>
      <c r="H40" s="95">
        <v>8.4949024531136737E-3</v>
      </c>
      <c r="I40" s="94">
        <v>0.81672991126305039</v>
      </c>
      <c r="J40" s="95">
        <v>1.0839653332399894E-2</v>
      </c>
      <c r="K40" s="94">
        <v>9.7276525063287496E-3</v>
      </c>
      <c r="L40" s="95">
        <v>2.8016644167319841E-3</v>
      </c>
      <c r="M40" s="93">
        <v>4984</v>
      </c>
      <c r="N40" s="103">
        <v>4.621325032816042</v>
      </c>
      <c r="O40" s="104">
        <v>4.2662448986416072E-2</v>
      </c>
      <c r="P40" s="94">
        <v>0.17818744720100471</v>
      </c>
      <c r="Q40" s="95">
        <v>1.0842708414005467E-2</v>
      </c>
      <c r="R40" s="94">
        <v>0.21250055960976053</v>
      </c>
      <c r="S40" s="95">
        <v>1.1588942904721873E-2</v>
      </c>
      <c r="T40" s="94">
        <v>0.50469282733595433</v>
      </c>
      <c r="U40" s="95">
        <v>1.415851413803579E-2</v>
      </c>
      <c r="V40" s="94">
        <v>0.10461916585328039</v>
      </c>
      <c r="W40" s="95">
        <v>8.6787363224717206E-3</v>
      </c>
      <c r="X40" s="102">
        <v>5063</v>
      </c>
      <c r="Y40" s="103">
        <v>5.3986548329095996</v>
      </c>
      <c r="Z40" s="104">
        <v>4.0110873836283645E-2</v>
      </c>
      <c r="AA40" s="94">
        <v>9.8465909582826347E-2</v>
      </c>
      <c r="AB40" s="95">
        <v>8.3832056545149782E-3</v>
      </c>
      <c r="AC40" s="94">
        <v>0.14670532472185907</v>
      </c>
      <c r="AD40" s="95">
        <v>9.9487481312515239E-3</v>
      </c>
      <c r="AE40" s="94">
        <v>0.74133004951097314</v>
      </c>
      <c r="AF40" s="95">
        <v>1.2306580462606298E-2</v>
      </c>
      <c r="AG40" s="94">
        <v>1.3498716184345309E-2</v>
      </c>
      <c r="AH40" s="95">
        <v>3.2874328830432751E-3</v>
      </c>
      <c r="AI40" s="93">
        <v>5051</v>
      </c>
      <c r="AJ40" s="103">
        <v>5.3999686609963167</v>
      </c>
      <c r="AK40" s="104">
        <v>3.8999403229134068E-2</v>
      </c>
      <c r="AL40" s="94">
        <v>8.8787079414640535E-2</v>
      </c>
      <c r="AM40" s="95">
        <v>8.0144003953748714E-3</v>
      </c>
      <c r="AN40" s="94">
        <v>0.13259882234138679</v>
      </c>
      <c r="AO40" s="95">
        <v>9.5488711850130331E-3</v>
      </c>
      <c r="AP40" s="94">
        <v>0.75195151266325211</v>
      </c>
      <c r="AQ40" s="95">
        <v>1.2152048839174083E-2</v>
      </c>
      <c r="AR40" s="94">
        <v>2.666258558072437E-2</v>
      </c>
      <c r="AS40" s="95">
        <v>4.562447567882085E-3</v>
      </c>
      <c r="AT40" s="102">
        <v>5048</v>
      </c>
      <c r="AU40" s="103">
        <v>5.1395293075497852</v>
      </c>
      <c r="AV40" s="104">
        <v>4.1110628664485782E-2</v>
      </c>
      <c r="AW40" s="94">
        <v>0.12706236726192333</v>
      </c>
      <c r="AX40" s="95">
        <v>9.3805646499759872E-3</v>
      </c>
      <c r="AY40" s="94">
        <v>0.17295943628170729</v>
      </c>
      <c r="AZ40" s="95">
        <v>1.0648555861348018E-2</v>
      </c>
      <c r="BA40" s="94">
        <v>0.68432552968155036</v>
      </c>
      <c r="BB40" s="95">
        <v>1.30798715647536E-2</v>
      </c>
      <c r="BC40" s="94">
        <v>1.565266677482172E-2</v>
      </c>
      <c r="BD40" s="95">
        <v>3.5345817913444615E-3</v>
      </c>
    </row>
    <row r="41" spans="1:56">
      <c r="A41" s="43" t="s">
        <v>575</v>
      </c>
      <c r="B41" s="98">
        <v>5153</v>
      </c>
      <c r="C41" s="99">
        <v>5.8873044095363669</v>
      </c>
      <c r="D41" s="100">
        <v>3.4332645416820184E-2</v>
      </c>
      <c r="E41" s="91">
        <v>5.1688865771783311E-2</v>
      </c>
      <c r="F41" s="92">
        <v>6.1855974779515006E-3</v>
      </c>
      <c r="G41" s="91">
        <v>8.1597366239520616E-2</v>
      </c>
      <c r="H41" s="92">
        <v>7.6378521503513005E-3</v>
      </c>
      <c r="I41" s="91">
        <v>0.86461739392076709</v>
      </c>
      <c r="J41" s="92">
        <v>9.5368939989667768E-3</v>
      </c>
      <c r="K41" s="91">
        <v>2.0963740679291686E-3</v>
      </c>
      <c r="L41" s="92">
        <v>1.3859337258169799E-3</v>
      </c>
      <c r="M41" s="90">
        <v>5131</v>
      </c>
      <c r="N41" s="99">
        <v>5.0621860298465808</v>
      </c>
      <c r="O41" s="100">
        <v>3.8857471004747235E-2</v>
      </c>
      <c r="P41" s="91">
        <v>0.11440823844544354</v>
      </c>
      <c r="Q41" s="92">
        <v>8.8940770486994076E-3</v>
      </c>
      <c r="R41" s="91">
        <v>0.17733656201713066</v>
      </c>
      <c r="S41" s="92">
        <v>1.066623651151118E-2</v>
      </c>
      <c r="T41" s="91">
        <v>0.65229031726067921</v>
      </c>
      <c r="U41" s="92">
        <v>1.3293006188682229E-2</v>
      </c>
      <c r="V41" s="91">
        <v>5.5964882276745558E-2</v>
      </c>
      <c r="W41" s="92">
        <v>6.4338363334730036E-3</v>
      </c>
      <c r="X41" s="98">
        <v>5127</v>
      </c>
      <c r="Y41" s="99">
        <v>5.6736079823776402</v>
      </c>
      <c r="Z41" s="100">
        <v>3.7925543932860274E-2</v>
      </c>
      <c r="AA41" s="91">
        <v>8.2943802535917793E-2</v>
      </c>
      <c r="AB41" s="92">
        <v>7.7142099382631075E-3</v>
      </c>
      <c r="AC41" s="91">
        <v>0.11418935060704458</v>
      </c>
      <c r="AD41" s="92">
        <v>8.8901624628654648E-3</v>
      </c>
      <c r="AE41" s="91">
        <v>0.79862534079171255</v>
      </c>
      <c r="AF41" s="92">
        <v>1.1201869854304965E-2</v>
      </c>
      <c r="AG41" s="91">
        <v>4.241506065326482E-3</v>
      </c>
      <c r="AH41" s="92">
        <v>1.8950373278064502E-3</v>
      </c>
      <c r="AI41" s="90">
        <v>5103</v>
      </c>
      <c r="AJ41" s="99">
        <v>5.4489124938943174</v>
      </c>
      <c r="AK41" s="100">
        <v>4.0315307006819921E-2</v>
      </c>
      <c r="AL41" s="91">
        <v>9.4461759229791192E-2</v>
      </c>
      <c r="AM41" s="92">
        <v>8.1974965605412474E-3</v>
      </c>
      <c r="AN41" s="91">
        <v>0.13199609739534765</v>
      </c>
      <c r="AO41" s="92">
        <v>9.4817825481628877E-3</v>
      </c>
      <c r="AP41" s="91">
        <v>0.74939143203577596</v>
      </c>
      <c r="AQ41" s="92">
        <v>1.2131429089450465E-2</v>
      </c>
      <c r="AR41" s="91">
        <v>2.4150711339086983E-2</v>
      </c>
      <c r="AS41" s="92">
        <v>4.3285851420410987E-3</v>
      </c>
      <c r="AT41" s="98">
        <v>5101</v>
      </c>
      <c r="AU41" s="99">
        <v>5.5146947385342253</v>
      </c>
      <c r="AV41" s="100">
        <v>3.7887407322066094E-2</v>
      </c>
      <c r="AW41" s="91">
        <v>8.5626793018526756E-2</v>
      </c>
      <c r="AX41" s="92">
        <v>7.8459116179966319E-3</v>
      </c>
      <c r="AY41" s="91">
        <v>0.13180460448566042</v>
      </c>
      <c r="AZ41" s="92">
        <v>9.4778266790311056E-3</v>
      </c>
      <c r="BA41" s="91">
        <v>0.77577712934889187</v>
      </c>
      <c r="BB41" s="92">
        <v>1.1678558343318827E-2</v>
      </c>
      <c r="BC41" s="91">
        <v>6.7914731469211551E-3</v>
      </c>
      <c r="BD41" s="92">
        <v>2.3630193488133259E-3</v>
      </c>
    </row>
    <row r="42" spans="1:56">
      <c r="A42" s="47" t="s">
        <v>576</v>
      </c>
      <c r="B42" s="102">
        <v>3136</v>
      </c>
      <c r="C42" s="103">
        <v>5.7271672363370421</v>
      </c>
      <c r="D42" s="104">
        <v>4.6595121925174628E-2</v>
      </c>
      <c r="E42" s="94">
        <v>6.4627878007414805E-2</v>
      </c>
      <c r="F42" s="95">
        <v>8.8103684494873248E-3</v>
      </c>
      <c r="G42" s="94">
        <v>0.10983820350037098</v>
      </c>
      <c r="H42" s="95">
        <v>1.1182411294042884E-2</v>
      </c>
      <c r="I42" s="94">
        <v>0.82206223677041446</v>
      </c>
      <c r="J42" s="95">
        <v>1.366291239703616E-2</v>
      </c>
      <c r="K42" s="94">
        <v>3.471681721794454E-3</v>
      </c>
      <c r="L42" s="95">
        <v>2.2818467767763331E-3</v>
      </c>
      <c r="M42" s="93">
        <v>3121</v>
      </c>
      <c r="N42" s="103">
        <v>5.0209484684765702</v>
      </c>
      <c r="O42" s="104">
        <v>5.0770429406756828E-2</v>
      </c>
      <c r="P42" s="94">
        <v>0.14005234006474193</v>
      </c>
      <c r="Q42" s="95">
        <v>1.2433201968460336E-2</v>
      </c>
      <c r="R42" s="94">
        <v>0.16390068559335044</v>
      </c>
      <c r="S42" s="95">
        <v>1.3258114516447216E-2</v>
      </c>
      <c r="T42" s="94">
        <v>0.6635218647247646</v>
      </c>
      <c r="U42" s="95">
        <v>1.6907428286969239E-2</v>
      </c>
      <c r="V42" s="94">
        <v>3.2525109617138039E-2</v>
      </c>
      <c r="W42" s="95">
        <v>6.4026307309837738E-3</v>
      </c>
      <c r="X42" s="102">
        <v>3108</v>
      </c>
      <c r="Y42" s="103">
        <v>5.5227015910025612</v>
      </c>
      <c r="Z42" s="104">
        <v>5.0633430126599543E-2</v>
      </c>
      <c r="AA42" s="94">
        <v>9.4287423234978004E-2</v>
      </c>
      <c r="AB42" s="95">
        <v>1.0502795336468331E-2</v>
      </c>
      <c r="AC42" s="94">
        <v>0.13692186260146044</v>
      </c>
      <c r="AD42" s="95">
        <v>1.2342214014064646E-2</v>
      </c>
      <c r="AE42" s="94">
        <v>0.76086091883445917</v>
      </c>
      <c r="AF42" s="95">
        <v>1.5300183991249118E-2</v>
      </c>
      <c r="AG42" s="94">
        <v>7.9297953290977871E-3</v>
      </c>
      <c r="AH42" s="95">
        <v>3.3032203139624714E-3</v>
      </c>
      <c r="AI42" s="93">
        <v>3104</v>
      </c>
      <c r="AJ42" s="103">
        <v>4.9986900956922771</v>
      </c>
      <c r="AK42" s="104">
        <v>5.4994747698595581E-2</v>
      </c>
      <c r="AL42" s="94">
        <v>0.16409790564883028</v>
      </c>
      <c r="AM42" s="95">
        <v>1.3300797887380112E-2</v>
      </c>
      <c r="AN42" s="94">
        <v>0.15672254790675663</v>
      </c>
      <c r="AO42" s="95">
        <v>1.3056836187365806E-2</v>
      </c>
      <c r="AP42" s="94">
        <v>0.66003775930689546</v>
      </c>
      <c r="AQ42" s="95">
        <v>1.699624452212711E-2</v>
      </c>
      <c r="AR42" s="94">
        <v>1.914178713751136E-2</v>
      </c>
      <c r="AS42" s="95">
        <v>4.99293824326787E-3</v>
      </c>
      <c r="AT42" s="102">
        <v>3109</v>
      </c>
      <c r="AU42" s="103">
        <v>5.3972006435530808</v>
      </c>
      <c r="AV42" s="104">
        <v>4.974389587090685E-2</v>
      </c>
      <c r="AW42" s="94">
        <v>0.10347068555983183</v>
      </c>
      <c r="AX42" s="95">
        <v>1.0941441991260492E-2</v>
      </c>
      <c r="AY42" s="94">
        <v>0.13144595364450423</v>
      </c>
      <c r="AZ42" s="95">
        <v>1.2130395579141339E-2</v>
      </c>
      <c r="BA42" s="94">
        <v>0.75800793026259317</v>
      </c>
      <c r="BB42" s="95">
        <v>1.5359609246355675E-2</v>
      </c>
      <c r="BC42" s="94">
        <v>7.0754305330655472E-3</v>
      </c>
      <c r="BD42" s="95">
        <v>3.135115651348456E-3</v>
      </c>
    </row>
    <row r="43" spans="1:56">
      <c r="A43" s="43" t="s">
        <v>577</v>
      </c>
      <c r="B43" s="98">
        <v>413</v>
      </c>
      <c r="C43" s="99">
        <v>5.4602023086261164</v>
      </c>
      <c r="D43" s="100">
        <v>0.14417179826821372</v>
      </c>
      <c r="E43" s="91">
        <v>0.11470454744786361</v>
      </c>
      <c r="F43" s="92">
        <v>3.1642754968611859E-2</v>
      </c>
      <c r="G43" s="91">
        <v>0.10559891908682026</v>
      </c>
      <c r="H43" s="92">
        <v>3.0568975307380526E-2</v>
      </c>
      <c r="I43" s="91">
        <v>0.77665615508887043</v>
      </c>
      <c r="J43" s="92">
        <v>4.09623675091065E-2</v>
      </c>
      <c r="K43" s="91">
        <v>3.0403783764449146E-3</v>
      </c>
      <c r="L43" s="92">
        <v>8.6201047733436079E-3</v>
      </c>
      <c r="M43" s="90">
        <v>414</v>
      </c>
      <c r="N43" s="99">
        <v>5.0351695822948406</v>
      </c>
      <c r="O43" s="100">
        <v>0.14451561366175708</v>
      </c>
      <c r="P43" s="91">
        <v>0.14690572532735399</v>
      </c>
      <c r="Q43" s="92">
        <v>3.4957137326027642E-2</v>
      </c>
      <c r="R43" s="91">
        <v>0.17772971891772404</v>
      </c>
      <c r="S43" s="92">
        <v>3.7648598189057775E-2</v>
      </c>
      <c r="T43" s="91">
        <v>0.65453251531785994</v>
      </c>
      <c r="U43" s="92">
        <v>4.6563693489622172E-2</v>
      </c>
      <c r="V43" s="91">
        <v>2.0832040437061532E-2</v>
      </c>
      <c r="W43" s="92">
        <v>1.5396307445520344E-2</v>
      </c>
      <c r="X43" s="98">
        <v>415</v>
      </c>
      <c r="Y43" s="99">
        <v>5.2922755305731766</v>
      </c>
      <c r="Z43" s="100">
        <v>0.15404884309529024</v>
      </c>
      <c r="AA43" s="91">
        <v>0.13563853915136764</v>
      </c>
      <c r="AB43" s="92">
        <v>3.3813105581047491E-2</v>
      </c>
      <c r="AC43" s="91">
        <v>0.17530889457045254</v>
      </c>
      <c r="AD43" s="92">
        <v>3.7407509206233806E-2</v>
      </c>
      <c r="AE43" s="91">
        <v>0.67911003925393543</v>
      </c>
      <c r="AF43" s="92">
        <v>4.5674910611278659E-2</v>
      </c>
      <c r="AG43" s="91">
        <v>9.9425270242442226E-3</v>
      </c>
      <c r="AH43" s="92">
        <v>1.1727661386239631E-2</v>
      </c>
      <c r="AI43" s="90">
        <v>410</v>
      </c>
      <c r="AJ43" s="99">
        <v>4.7880726926793846</v>
      </c>
      <c r="AK43" s="100">
        <v>0.1670030227415383</v>
      </c>
      <c r="AL43" s="91">
        <v>0.19181929157920904</v>
      </c>
      <c r="AM43" s="92">
        <v>3.8929027128353624E-2</v>
      </c>
      <c r="AN43" s="91">
        <v>0.19947877064447006</v>
      </c>
      <c r="AO43" s="92">
        <v>3.9492399906539639E-2</v>
      </c>
      <c r="AP43" s="91">
        <v>0.57463304606622012</v>
      </c>
      <c r="AQ43" s="92">
        <v>4.8607371370012142E-2</v>
      </c>
      <c r="AR43" s="91">
        <v>3.406889171010017E-2</v>
      </c>
      <c r="AS43" s="92">
        <v>1.8928532550969091E-2</v>
      </c>
      <c r="AT43" s="98">
        <v>413</v>
      </c>
      <c r="AU43" s="99">
        <v>5.3776375740685083</v>
      </c>
      <c r="AV43" s="100">
        <v>0.14800286658238451</v>
      </c>
      <c r="AW43" s="91">
        <v>0.1350173642629422</v>
      </c>
      <c r="AX43" s="92">
        <v>3.3832859101179301E-2</v>
      </c>
      <c r="AY43" s="91">
        <v>0.12317748429399869</v>
      </c>
      <c r="AZ43" s="92">
        <v>3.2588688065345206E-2</v>
      </c>
      <c r="BA43" s="91">
        <v>0.72647407427284738</v>
      </c>
      <c r="BB43" s="92">
        <v>4.3766194243745768E-2</v>
      </c>
      <c r="BC43" s="91">
        <v>1.5331077170211807E-2</v>
      </c>
      <c r="BD43" s="92">
        <v>1.3705001615569003E-2</v>
      </c>
    </row>
    <row r="44" spans="1:56">
      <c r="A44" s="47" t="s">
        <v>578</v>
      </c>
      <c r="B44" s="102">
        <v>144</v>
      </c>
      <c r="C44" s="103">
        <v>5.6418444421705987</v>
      </c>
      <c r="D44" s="104">
        <v>0.25127210627121177</v>
      </c>
      <c r="E44" s="94">
        <v>0.1071358704696132</v>
      </c>
      <c r="F44" s="95">
        <v>5.2988488757944777E-2</v>
      </c>
      <c r="G44" s="94">
        <v>6.5272802143116412E-2</v>
      </c>
      <c r="H44" s="95">
        <v>4.3833150713026375E-2</v>
      </c>
      <c r="I44" s="94">
        <v>0.81829632010220166</v>
      </c>
      <c r="J44" s="95">
        <v>6.4533628723407871E-2</v>
      </c>
      <c r="K44" s="94">
        <v>9.2950072850685045E-3</v>
      </c>
      <c r="L44" s="95">
        <v>2.4411158505416603E-2</v>
      </c>
      <c r="M44" s="93">
        <v>141</v>
      </c>
      <c r="N44" s="103">
        <v>4.7100541995533458</v>
      </c>
      <c r="O44" s="104">
        <v>0.27296954213846231</v>
      </c>
      <c r="P44" s="94">
        <v>0.21597897390049514</v>
      </c>
      <c r="Q44" s="95">
        <v>6.9226527438890795E-2</v>
      </c>
      <c r="R44" s="94">
        <v>0.18798179558740524</v>
      </c>
      <c r="S44" s="95">
        <v>6.6007707596461421E-2</v>
      </c>
      <c r="T44" s="94">
        <v>0.57371417212028564</v>
      </c>
      <c r="U44" s="95">
        <v>8.2187654151659073E-2</v>
      </c>
      <c r="V44" s="94">
        <v>2.2325058391813413E-2</v>
      </c>
      <c r="W44" s="95">
        <v>3.0734406188213593E-2</v>
      </c>
      <c r="X44" s="102">
        <v>143</v>
      </c>
      <c r="Y44" s="103">
        <v>5.3598105723602858</v>
      </c>
      <c r="Z44" s="104">
        <v>0.2662495425703254</v>
      </c>
      <c r="AA44" s="94">
        <v>0.12372856332961436</v>
      </c>
      <c r="AB44" s="95">
        <v>5.6187252526240017E-2</v>
      </c>
      <c r="AC44" s="94">
        <v>9.4025558276591939E-2</v>
      </c>
      <c r="AD44" s="95">
        <v>5.0583602359457018E-2</v>
      </c>
      <c r="AE44" s="94">
        <v>0.77279957787997899</v>
      </c>
      <c r="AF44" s="95">
        <v>6.9902815805999871E-2</v>
      </c>
      <c r="AG44" s="94">
        <v>9.4463005138143447E-3</v>
      </c>
      <c r="AH44" s="95">
        <v>2.4619610638651465E-2</v>
      </c>
      <c r="AI44" s="93">
        <v>144</v>
      </c>
      <c r="AJ44" s="103">
        <v>4.6355317292487603</v>
      </c>
      <c r="AK44" s="104">
        <v>0.29130540779459091</v>
      </c>
      <c r="AL44" s="94">
        <v>0.22429668964576568</v>
      </c>
      <c r="AM44" s="95">
        <v>6.9367983597777114E-2</v>
      </c>
      <c r="AN44" s="94">
        <v>0.23729812690658028</v>
      </c>
      <c r="AO44" s="95">
        <v>7.0647145339390968E-2</v>
      </c>
      <c r="AP44" s="94">
        <v>0.50744481956285548</v>
      </c>
      <c r="AQ44" s="95">
        <v>8.2190867208163224E-2</v>
      </c>
      <c r="AR44" s="94">
        <v>3.096036388479799E-2</v>
      </c>
      <c r="AS44" s="95">
        <v>3.3584469290039276E-2</v>
      </c>
      <c r="AT44" s="102">
        <v>144</v>
      </c>
      <c r="AU44" s="103">
        <v>5.2401875581709279</v>
      </c>
      <c r="AV44" s="104">
        <v>0.28747843085049851</v>
      </c>
      <c r="AW44" s="94">
        <v>0.14950329917819477</v>
      </c>
      <c r="AX44" s="95">
        <v>6.0113126737521075E-2</v>
      </c>
      <c r="AY44" s="94">
        <v>0.16757042092795443</v>
      </c>
      <c r="AZ44" s="95">
        <v>6.2683963779074106E-2</v>
      </c>
      <c r="BA44" s="94">
        <v>0.68292627989385035</v>
      </c>
      <c r="BB44" s="95">
        <v>7.6815379142746137E-2</v>
      </c>
      <c r="BC44" s="94">
        <v>0</v>
      </c>
      <c r="BD44" s="95">
        <v>1.8981426530586244E-2</v>
      </c>
    </row>
    <row r="45" spans="1:56">
      <c r="A45" s="43" t="s">
        <v>581</v>
      </c>
      <c r="B45" s="98">
        <v>9892</v>
      </c>
      <c r="C45" s="99">
        <v>5.6586889111730398</v>
      </c>
      <c r="D45" s="100">
        <v>2.6301051595763444E-2</v>
      </c>
      <c r="E45" s="91">
        <v>6.800311994828466E-2</v>
      </c>
      <c r="F45" s="92">
        <v>5.0674325600730636E-3</v>
      </c>
      <c r="G45" s="91">
        <v>0.10000099640160802</v>
      </c>
      <c r="H45" s="92">
        <v>6.0358038288020107E-3</v>
      </c>
      <c r="I45" s="91">
        <v>0.82334777549626126</v>
      </c>
      <c r="J45" s="92">
        <v>7.6696843893478313E-3</v>
      </c>
      <c r="K45" s="91">
        <v>8.6481081538528435E-3</v>
      </c>
      <c r="L45" s="92">
        <v>1.8826152344981948E-3</v>
      </c>
      <c r="M45" s="90">
        <v>9806</v>
      </c>
      <c r="N45" s="99">
        <v>4.7254095973667098</v>
      </c>
      <c r="O45" s="100">
        <v>2.9879334283007094E-2</v>
      </c>
      <c r="P45" s="91">
        <v>0.16471306011452858</v>
      </c>
      <c r="Q45" s="92">
        <v>7.4924175046249186E-3</v>
      </c>
      <c r="R45" s="91">
        <v>0.20481419303681353</v>
      </c>
      <c r="S45" s="92">
        <v>8.1508805227275983E-3</v>
      </c>
      <c r="T45" s="91">
        <v>0.54007417368533117</v>
      </c>
      <c r="U45" s="92">
        <v>1.0063921491565014E-2</v>
      </c>
      <c r="V45" s="91">
        <v>9.0398573163344681E-2</v>
      </c>
      <c r="W45" s="92">
        <v>5.7951247199173337E-3</v>
      </c>
      <c r="X45" s="98">
        <v>9819</v>
      </c>
      <c r="Y45" s="99">
        <v>5.4510320397204843</v>
      </c>
      <c r="Z45" s="100">
        <v>2.8553189544272887E-2</v>
      </c>
      <c r="AA45" s="91">
        <v>9.4703193355261381E-2</v>
      </c>
      <c r="AB45" s="92">
        <v>5.9132226765206122E-3</v>
      </c>
      <c r="AC45" s="91">
        <v>0.14345335974639301</v>
      </c>
      <c r="AD45" s="92">
        <v>7.0765510775531396E-3</v>
      </c>
      <c r="AE45" s="91">
        <v>0.74944325614558016</v>
      </c>
      <c r="AF45" s="92">
        <v>8.7455863101520686E-3</v>
      </c>
      <c r="AG45" s="91">
        <v>1.2400190752782272E-2</v>
      </c>
      <c r="AH45" s="92">
        <v>2.2507041178100465E-3</v>
      </c>
      <c r="AI45" s="90">
        <v>9796</v>
      </c>
      <c r="AJ45" s="99">
        <v>5.36449039441111</v>
      </c>
      <c r="AK45" s="100">
        <v>2.926407984435201E-2</v>
      </c>
      <c r="AL45" s="91">
        <v>9.6572438955669498E-2</v>
      </c>
      <c r="AM45" s="92">
        <v>5.972010775375583E-3</v>
      </c>
      <c r="AN45" s="91">
        <v>0.13778289285560552</v>
      </c>
      <c r="AO45" s="92">
        <v>6.9665629531439994E-3</v>
      </c>
      <c r="AP45" s="91">
        <v>0.73969155578424695</v>
      </c>
      <c r="AQ45" s="92">
        <v>8.8662360727725757E-3</v>
      </c>
      <c r="AR45" s="91">
        <v>2.595311240449882E-2</v>
      </c>
      <c r="AS45" s="92">
        <v>3.2238243349781122E-3</v>
      </c>
      <c r="AT45" s="98">
        <v>9795</v>
      </c>
      <c r="AU45" s="99">
        <v>5.2251265816181434</v>
      </c>
      <c r="AV45" s="100">
        <v>2.8907670803754306E-2</v>
      </c>
      <c r="AW45" s="91">
        <v>0.11752306943084274</v>
      </c>
      <c r="AX45" s="92">
        <v>6.5103183633744973E-3</v>
      </c>
      <c r="AY45" s="91">
        <v>0.16480302671333263</v>
      </c>
      <c r="AZ45" s="92">
        <v>7.4982652617404926E-3</v>
      </c>
      <c r="BA45" s="91">
        <v>0.70333899164940572</v>
      </c>
      <c r="BB45" s="92">
        <v>9.2296837065331937E-3</v>
      </c>
      <c r="BC45" s="91">
        <v>1.4334912206441133E-2</v>
      </c>
      <c r="BD45" s="92">
        <v>2.417910366800142E-3</v>
      </c>
    </row>
    <row r="46" spans="1:56">
      <c r="A46" s="47" t="s">
        <v>580</v>
      </c>
      <c r="B46" s="102">
        <v>4033</v>
      </c>
      <c r="C46" s="103">
        <v>5.7968706969650716</v>
      </c>
      <c r="D46" s="104">
        <v>4.0683907691802496E-2</v>
      </c>
      <c r="E46" s="94">
        <v>6.037531884294068E-2</v>
      </c>
      <c r="F46" s="95">
        <v>7.5225988961002653E-3</v>
      </c>
      <c r="G46" s="94">
        <v>8.8938360311200754E-2</v>
      </c>
      <c r="H46" s="95">
        <v>8.9787136324936921E-3</v>
      </c>
      <c r="I46" s="94">
        <v>0.84981455052846533</v>
      </c>
      <c r="J46" s="95">
        <v>1.1256117481982814E-2</v>
      </c>
      <c r="K46" s="94">
        <v>8.7177031739731948E-4</v>
      </c>
      <c r="L46" s="95">
        <v>1.1627345068599545E-3</v>
      </c>
      <c r="M46" s="93">
        <v>4007</v>
      </c>
      <c r="N46" s="103">
        <v>5.0362345848174899</v>
      </c>
      <c r="O46" s="104">
        <v>4.4183814842189431E-2</v>
      </c>
      <c r="P46" s="94">
        <v>0.13112602082539662</v>
      </c>
      <c r="Q46" s="95">
        <v>1.0671927859896789E-2</v>
      </c>
      <c r="R46" s="94">
        <v>0.16219472332673537</v>
      </c>
      <c r="S46" s="95">
        <v>1.1650827891321623E-2</v>
      </c>
      <c r="T46" s="94">
        <v>0.65607348222502682</v>
      </c>
      <c r="U46" s="95">
        <v>1.5002355941558129E-2</v>
      </c>
      <c r="V46" s="94">
        <v>5.0605773622841826E-2</v>
      </c>
      <c r="W46" s="95">
        <v>6.9508680053268091E-3</v>
      </c>
      <c r="X46" s="102">
        <v>4018</v>
      </c>
      <c r="Y46" s="103">
        <v>5.5758434904840222</v>
      </c>
      <c r="Z46" s="104">
        <v>4.4094745950837455E-2</v>
      </c>
      <c r="AA46" s="94">
        <v>9.5456954745603201E-2</v>
      </c>
      <c r="AB46" s="95">
        <v>9.2841910439404891E-3</v>
      </c>
      <c r="AC46" s="94">
        <v>0.11059247761101794</v>
      </c>
      <c r="AD46" s="95">
        <v>9.9057341692402948E-3</v>
      </c>
      <c r="AE46" s="94">
        <v>0.79127957745741451</v>
      </c>
      <c r="AF46" s="95">
        <v>1.2822658465006968E-2</v>
      </c>
      <c r="AG46" s="94">
        <v>2.6709901859675849E-3</v>
      </c>
      <c r="AH46" s="95">
        <v>1.7715295899554838E-3</v>
      </c>
      <c r="AI46" s="93">
        <v>3997</v>
      </c>
      <c r="AJ46" s="103">
        <v>5.289945493727374</v>
      </c>
      <c r="AK46" s="104">
        <v>4.7977552124105267E-2</v>
      </c>
      <c r="AL46" s="94">
        <v>0.12061685054272568</v>
      </c>
      <c r="AM46" s="95">
        <v>1.031161921697603E-2</v>
      </c>
      <c r="AN46" s="94">
        <v>0.13235990482806931</v>
      </c>
      <c r="AO46" s="95">
        <v>1.0727632810657034E-2</v>
      </c>
      <c r="AP46" s="94">
        <v>0.72557556918078969</v>
      </c>
      <c r="AQ46" s="95">
        <v>1.411267384580616E-2</v>
      </c>
      <c r="AR46" s="94">
        <v>2.1447675448417275E-2</v>
      </c>
      <c r="AS46" s="95">
        <v>4.630334107496881E-3</v>
      </c>
      <c r="AT46" s="102">
        <v>4002</v>
      </c>
      <c r="AU46" s="103">
        <v>5.4131474273917632</v>
      </c>
      <c r="AV46" s="104">
        <v>4.385588270851027E-2</v>
      </c>
      <c r="AW46" s="94">
        <v>9.6752129822645555E-2</v>
      </c>
      <c r="AX46" s="95">
        <v>9.3586509256572831E-3</v>
      </c>
      <c r="AY46" s="94">
        <v>0.12799345128044634</v>
      </c>
      <c r="AZ46" s="95">
        <v>1.0569757484209215E-2</v>
      </c>
      <c r="BA46" s="94">
        <v>0.77015595046003238</v>
      </c>
      <c r="BB46" s="95">
        <v>1.3300229147370488E-2</v>
      </c>
      <c r="BC46" s="94">
        <v>5.0984684368779922E-3</v>
      </c>
      <c r="BD46" s="95">
        <v>2.3564850305839149E-3</v>
      </c>
    </row>
    <row r="47" spans="1:56">
      <c r="A47" s="43" t="s">
        <v>583</v>
      </c>
      <c r="B47" s="98">
        <v>922</v>
      </c>
      <c r="C47" s="99">
        <v>5.7173659566698136</v>
      </c>
      <c r="D47" s="100">
        <v>9.0972504587933892E-2</v>
      </c>
      <c r="E47" s="91">
        <v>7.9782300743649642E-2</v>
      </c>
      <c r="F47" s="92">
        <v>1.7992000218620366E-2</v>
      </c>
      <c r="G47" s="91">
        <v>8.8582700531691247E-2</v>
      </c>
      <c r="H47" s="92">
        <v>1.884287342641924E-2</v>
      </c>
      <c r="I47" s="91">
        <v>0.83157142162953657</v>
      </c>
      <c r="J47" s="92">
        <v>2.4680082050169458E-2</v>
      </c>
      <c r="K47" s="91">
        <v>6.3577095121831898E-5</v>
      </c>
      <c r="L47" s="92">
        <v>3.0954487403448169E-3</v>
      </c>
      <c r="M47" s="90">
        <v>915</v>
      </c>
      <c r="N47" s="99">
        <v>5.0174814454903727</v>
      </c>
      <c r="O47" s="100">
        <v>9.3885810881076351E-2</v>
      </c>
      <c r="P47" s="91">
        <v>0.13486798034438463</v>
      </c>
      <c r="Q47" s="92">
        <v>2.2647092444953817E-2</v>
      </c>
      <c r="R47" s="91">
        <v>0.15484746081109857</v>
      </c>
      <c r="S47" s="92">
        <v>2.396084132720927E-2</v>
      </c>
      <c r="T47" s="91">
        <v>0.66706626809290304</v>
      </c>
      <c r="U47" s="92">
        <v>3.110803268030041E-2</v>
      </c>
      <c r="V47" s="91">
        <v>4.3218290751612549E-2</v>
      </c>
      <c r="W47" s="92">
        <v>1.3706520577062287E-2</v>
      </c>
      <c r="X47" s="98">
        <v>920</v>
      </c>
      <c r="Y47" s="99">
        <v>5.4813272040033141</v>
      </c>
      <c r="Z47" s="100">
        <v>9.683438864946152E-2</v>
      </c>
      <c r="AA47" s="91">
        <v>0.11690525517579836</v>
      </c>
      <c r="AB47" s="92">
        <v>2.1269893076768381E-2</v>
      </c>
      <c r="AC47" s="91">
        <v>0.13006059871510778</v>
      </c>
      <c r="AD47" s="92">
        <v>2.2246860553719227E-2</v>
      </c>
      <c r="AE47" s="91">
        <v>0.75157659001865407</v>
      </c>
      <c r="AF47" s="92">
        <v>2.8471600903092632E-2</v>
      </c>
      <c r="AG47" s="91">
        <v>1.4575560904394734E-3</v>
      </c>
      <c r="AH47" s="92">
        <v>3.9491764998259415E-3</v>
      </c>
      <c r="AI47" s="90">
        <v>916</v>
      </c>
      <c r="AJ47" s="99">
        <v>5.1665100936702792</v>
      </c>
      <c r="AK47" s="100">
        <v>0.10317695288061388</v>
      </c>
      <c r="AL47" s="91">
        <v>0.14524077087910883</v>
      </c>
      <c r="AM47" s="92">
        <v>2.3334793375304027E-2</v>
      </c>
      <c r="AN47" s="91">
        <v>0.15714594527492964</v>
      </c>
      <c r="AO47" s="92">
        <v>2.4089600808381531E-2</v>
      </c>
      <c r="AP47" s="91">
        <v>0.67920804628298992</v>
      </c>
      <c r="AQ47" s="92">
        <v>3.0798301369978822E-2</v>
      </c>
      <c r="AR47" s="91">
        <v>1.8405237562970689E-2</v>
      </c>
      <c r="AS47" s="92">
        <v>9.3434267972226665E-3</v>
      </c>
      <c r="AT47" s="98">
        <v>918</v>
      </c>
      <c r="AU47" s="99">
        <v>5.3200794210581881</v>
      </c>
      <c r="AV47" s="100">
        <v>9.4332026997612131E-2</v>
      </c>
      <c r="AW47" s="91">
        <v>0.11566364152653329</v>
      </c>
      <c r="AX47" s="92">
        <v>2.1196781813526969E-2</v>
      </c>
      <c r="AY47" s="91">
        <v>0.13000313713709294</v>
      </c>
      <c r="AZ47" s="92">
        <v>2.2267119927147531E-2</v>
      </c>
      <c r="BA47" s="91">
        <v>0.74954482690364554</v>
      </c>
      <c r="BB47" s="92">
        <v>2.8579267830887319E-2</v>
      </c>
      <c r="BC47" s="91">
        <v>4.7883944327278246E-3</v>
      </c>
      <c r="BD47" s="92">
        <v>5.4667991967025141E-3</v>
      </c>
    </row>
    <row r="48" spans="1:56">
      <c r="A48" s="47" t="s">
        <v>582</v>
      </c>
      <c r="B48" s="102">
        <v>3111</v>
      </c>
      <c r="C48" s="103">
        <v>5.8254195047482797</v>
      </c>
      <c r="D48" s="104">
        <v>4.531983559423762E-2</v>
      </c>
      <c r="E48" s="94">
        <v>5.3414252540946165E-2</v>
      </c>
      <c r="F48" s="95">
        <v>8.0983555595860821E-3</v>
      </c>
      <c r="G48" s="94">
        <v>8.9065931477020521E-2</v>
      </c>
      <c r="H48" s="95">
        <v>1.0234276572192919E-2</v>
      </c>
      <c r="I48" s="94">
        <v>0.85635815583870123</v>
      </c>
      <c r="J48" s="95">
        <v>1.2584726472363729E-2</v>
      </c>
      <c r="K48" s="94">
        <v>1.1616601433303612E-3</v>
      </c>
      <c r="L48" s="95">
        <v>1.5198948226425011E-3</v>
      </c>
      <c r="M48" s="93">
        <v>3092</v>
      </c>
      <c r="N48" s="103">
        <v>5.0430143410240333</v>
      </c>
      <c r="O48" s="104">
        <v>5.0055518734785164E-2</v>
      </c>
      <c r="P48" s="94">
        <v>0.12978738544707491</v>
      </c>
      <c r="Q48" s="95">
        <v>1.2098676155035419E-2</v>
      </c>
      <c r="R48" s="94">
        <v>0.16482310706187156</v>
      </c>
      <c r="S48" s="95">
        <v>1.3350113294045238E-2</v>
      </c>
      <c r="T48" s="94">
        <v>0.65214096184515957</v>
      </c>
      <c r="U48" s="95">
        <v>1.7122182151111748E-2</v>
      </c>
      <c r="V48" s="94">
        <v>5.324854564589309E-2</v>
      </c>
      <c r="W48" s="95">
        <v>8.1116668140088152E-3</v>
      </c>
      <c r="X48" s="102">
        <v>3098</v>
      </c>
      <c r="Y48" s="103">
        <v>5.6097811859950903</v>
      </c>
      <c r="Z48" s="104">
        <v>4.9415877317365769E-2</v>
      </c>
      <c r="AA48" s="94">
        <v>8.7768287841724871E-2</v>
      </c>
      <c r="AB48" s="95">
        <v>1.0188614021123027E-2</v>
      </c>
      <c r="AC48" s="94">
        <v>0.10361365432845199</v>
      </c>
      <c r="AD48" s="95">
        <v>1.0967557736297741E-2</v>
      </c>
      <c r="AE48" s="94">
        <v>0.80551208256889795</v>
      </c>
      <c r="AF48" s="95">
        <v>1.4224094314776226E-2</v>
      </c>
      <c r="AG48" s="94">
        <v>3.1059752609243836E-3</v>
      </c>
      <c r="AH48" s="95">
        <v>2.1939126801494065E-3</v>
      </c>
      <c r="AI48" s="93">
        <v>3081</v>
      </c>
      <c r="AJ48" s="103">
        <v>5.3345075566672948</v>
      </c>
      <c r="AK48" s="104">
        <v>5.413099758679335E-2</v>
      </c>
      <c r="AL48" s="94">
        <v>0.11176469798953205</v>
      </c>
      <c r="AM48" s="95">
        <v>1.1367670621757402E-2</v>
      </c>
      <c r="AN48" s="94">
        <v>0.12344947106171861</v>
      </c>
      <c r="AO48" s="95">
        <v>1.1865106237901244E-2</v>
      </c>
      <c r="AP48" s="94">
        <v>0.74224441721952006</v>
      </c>
      <c r="AQ48" s="95">
        <v>1.5756235403522358E-2</v>
      </c>
      <c r="AR48" s="94">
        <v>2.2541413729230145E-2</v>
      </c>
      <c r="AS48" s="95">
        <v>5.4161145919847309E-3</v>
      </c>
      <c r="AT48" s="102">
        <v>3084</v>
      </c>
      <c r="AU48" s="103">
        <v>5.446648450981975</v>
      </c>
      <c r="AV48" s="104">
        <v>4.9464038486811461E-2</v>
      </c>
      <c r="AW48" s="94">
        <v>8.9947572530829023E-2</v>
      </c>
      <c r="AX48" s="95">
        <v>1.0324547450812358E-2</v>
      </c>
      <c r="AY48" s="94">
        <v>0.12727034554653008</v>
      </c>
      <c r="AZ48" s="95">
        <v>1.2014255733298342E-2</v>
      </c>
      <c r="BA48" s="94">
        <v>0.7775720456555979</v>
      </c>
      <c r="BB48" s="95">
        <v>1.4976373095866184E-2</v>
      </c>
      <c r="BC48" s="94">
        <v>5.2100362670429853E-3</v>
      </c>
      <c r="BD48" s="95">
        <v>2.7449251865879517E-3</v>
      </c>
    </row>
    <row r="49" spans="1:56">
      <c r="A49" s="43" t="s">
        <v>568</v>
      </c>
      <c r="B49" s="81">
        <v>8380</v>
      </c>
      <c r="C49" s="82">
        <v>5.6918718711168594</v>
      </c>
      <c r="D49" s="83">
        <v>2.9109811876416914E-2</v>
      </c>
      <c r="E49" s="96">
        <v>6.8119088963852367E-2</v>
      </c>
      <c r="F49" s="92">
        <v>5.5109543234309411E-3</v>
      </c>
      <c r="G49" s="96">
        <v>9.9408336063566943E-2</v>
      </c>
      <c r="H49" s="92">
        <v>6.5410990012682788E-3</v>
      </c>
      <c r="I49" s="96">
        <v>0.82499951384847425</v>
      </c>
      <c r="J49" s="92">
        <v>8.3023747771791261E-3</v>
      </c>
      <c r="K49" s="96">
        <v>7.4730611241017918E-3</v>
      </c>
      <c r="L49" s="92">
        <v>1.9102764711799967E-3</v>
      </c>
      <c r="M49" s="81">
        <v>8253</v>
      </c>
      <c r="N49" s="82">
        <v>4.7622050682700472</v>
      </c>
      <c r="O49" s="83">
        <v>3.298577784352176E-2</v>
      </c>
      <c r="P49" s="96">
        <v>0.16508078780609042</v>
      </c>
      <c r="Q49" s="92">
        <v>8.1744861207868336E-3</v>
      </c>
      <c r="R49" s="96">
        <v>0.1949303663074417</v>
      </c>
      <c r="S49" s="92">
        <v>8.7216776006101109E-3</v>
      </c>
      <c r="T49" s="96">
        <v>0.54561916971466162</v>
      </c>
      <c r="U49" s="92">
        <v>1.0959113620432934E-2</v>
      </c>
      <c r="V49" s="96">
        <v>9.4369676171794564E-2</v>
      </c>
      <c r="W49" s="92">
        <v>6.4404339382098681E-3</v>
      </c>
      <c r="X49" s="81">
        <v>8331</v>
      </c>
      <c r="Y49" s="82">
        <v>5.4978755188908304</v>
      </c>
      <c r="Z49" s="83">
        <v>3.1408174976300107E-2</v>
      </c>
      <c r="AA49" s="96">
        <v>9.5249207292992091E-2</v>
      </c>
      <c r="AB49" s="92">
        <v>6.4367718699917895E-3</v>
      </c>
      <c r="AC49" s="96">
        <v>0.13864347071670688</v>
      </c>
      <c r="AD49" s="92">
        <v>7.574362687922013E-3</v>
      </c>
      <c r="AE49" s="96">
        <v>0.75448884017390938</v>
      </c>
      <c r="AF49" s="92">
        <v>9.4300080532954151E-3</v>
      </c>
      <c r="AG49" s="96">
        <v>1.1618481816387272E-2</v>
      </c>
      <c r="AH49" s="92">
        <v>2.370825255840806E-3</v>
      </c>
      <c r="AI49" s="81">
        <v>8284</v>
      </c>
      <c r="AJ49" s="82">
        <v>5.385826661885214</v>
      </c>
      <c r="AK49" s="83">
        <v>3.2367754674240808E-2</v>
      </c>
      <c r="AL49" s="96">
        <v>9.7494217291907076E-2</v>
      </c>
      <c r="AM49" s="92">
        <v>6.5223641968513626E-3</v>
      </c>
      <c r="AN49" s="96">
        <v>0.14155559431211942</v>
      </c>
      <c r="AO49" s="92">
        <v>7.6620711239033055E-3</v>
      </c>
      <c r="AP49" s="96">
        <v>0.7345977297373778</v>
      </c>
      <c r="AQ49" s="92">
        <v>9.7015556216447345E-3</v>
      </c>
      <c r="AR49" s="96">
        <v>2.6352458658590282E-2</v>
      </c>
      <c r="AS49" s="92">
        <v>3.533793056284526E-3</v>
      </c>
      <c r="AT49" s="81">
        <v>8297</v>
      </c>
      <c r="AU49" s="82">
        <v>5.2795676479444946</v>
      </c>
      <c r="AV49" s="83">
        <v>3.1520362257444617E-2</v>
      </c>
      <c r="AW49" s="96">
        <v>0.12098645337542088</v>
      </c>
      <c r="AX49" s="92">
        <v>7.1633038168613782E-3</v>
      </c>
      <c r="AY49" s="96">
        <v>0.1490898167333316</v>
      </c>
      <c r="AZ49" s="92">
        <v>7.8222848337322487E-3</v>
      </c>
      <c r="BA49" s="96">
        <v>0.71936149277265249</v>
      </c>
      <c r="BB49" s="92">
        <v>9.8642001690548795E-3</v>
      </c>
      <c r="BC49" s="96">
        <v>1.0562237118590265E-2</v>
      </c>
      <c r="BD49" s="92">
        <v>2.2687183337439668E-3</v>
      </c>
    </row>
    <row r="50" spans="1:56">
      <c r="A50" s="47" t="s">
        <v>569</v>
      </c>
      <c r="B50" s="102">
        <v>5558</v>
      </c>
      <c r="C50" s="103">
        <v>5.6551149189918632</v>
      </c>
      <c r="D50" s="104">
        <v>3.3894285544699788E-2</v>
      </c>
      <c r="E50" s="94">
        <v>6.7270108474596635E-2</v>
      </c>
      <c r="F50" s="95">
        <v>6.7318324842393874E-3</v>
      </c>
      <c r="G50" s="94">
        <v>9.6230017763680162E-2</v>
      </c>
      <c r="H50" s="95">
        <v>7.9192349142099897E-3</v>
      </c>
      <c r="I50" s="94">
        <v>0.82859720967232264</v>
      </c>
      <c r="J50" s="95">
        <v>1.01118919320272E-2</v>
      </c>
      <c r="K50" s="94">
        <v>7.9026640894126528E-3</v>
      </c>
      <c r="L50" s="95">
        <v>2.4266874124127613E-3</v>
      </c>
      <c r="M50" s="93">
        <v>5500</v>
      </c>
      <c r="N50" s="103">
        <v>4.7607269117342552</v>
      </c>
      <c r="O50" s="104">
        <v>3.778658102183164E-2</v>
      </c>
      <c r="P50" s="94">
        <v>0.15534584906128451</v>
      </c>
      <c r="Q50" s="95">
        <v>9.7715960987260035E-3</v>
      </c>
      <c r="R50" s="94">
        <v>0.20802420181612938</v>
      </c>
      <c r="S50" s="95">
        <v>1.0946287929377298E-2</v>
      </c>
      <c r="T50" s="94">
        <v>0.55843830003244643</v>
      </c>
      <c r="U50" s="95">
        <v>1.3386851600891253E-2</v>
      </c>
      <c r="V50" s="94">
        <v>7.8191649090159798E-2</v>
      </c>
      <c r="W50" s="95">
        <v>7.250512667521255E-3</v>
      </c>
      <c r="X50" s="102">
        <v>5520</v>
      </c>
      <c r="Y50" s="103">
        <v>5.4329523296102469</v>
      </c>
      <c r="Z50" s="104">
        <v>3.715623553030091E-2</v>
      </c>
      <c r="AA50" s="94">
        <v>9.4577308423797982E-2</v>
      </c>
      <c r="AB50" s="95">
        <v>7.8854211683603813E-3</v>
      </c>
      <c r="AC50" s="94">
        <v>0.1380722480293825</v>
      </c>
      <c r="AD50" s="95">
        <v>9.2904667699472265E-3</v>
      </c>
      <c r="AE50" s="94">
        <v>0.75584497826439856</v>
      </c>
      <c r="AF50" s="95">
        <v>1.156282179181419E-2</v>
      </c>
      <c r="AG50" s="94">
        <v>1.1505465282435779E-2</v>
      </c>
      <c r="AH50" s="95">
        <v>2.9129974294639658E-3</v>
      </c>
      <c r="AI50" s="93">
        <v>5527</v>
      </c>
      <c r="AJ50" s="103">
        <v>5.3478691153332161</v>
      </c>
      <c r="AK50" s="104">
        <v>3.936181783957441E-2</v>
      </c>
      <c r="AL50" s="94">
        <v>9.9348873574545637E-2</v>
      </c>
      <c r="AM50" s="95">
        <v>8.0547201010519823E-3</v>
      </c>
      <c r="AN50" s="94">
        <v>0.12705049836574867</v>
      </c>
      <c r="AO50" s="95">
        <v>8.9640507129770536E-3</v>
      </c>
      <c r="AP50" s="94">
        <v>0.74869091531219412</v>
      </c>
      <c r="AQ50" s="95">
        <v>1.1667739408876195E-2</v>
      </c>
      <c r="AR50" s="94">
        <v>2.4909712747526621E-2</v>
      </c>
      <c r="AS50" s="95">
        <v>4.2192289468170234E-3</v>
      </c>
      <c r="AT50" s="102">
        <v>5515</v>
      </c>
      <c r="AU50" s="103">
        <v>5.21135822787015</v>
      </c>
      <c r="AV50" s="104">
        <v>3.7668963647171039E-2</v>
      </c>
      <c r="AW50" s="94">
        <v>0.10992542181989327</v>
      </c>
      <c r="AX50" s="95">
        <v>8.4304516491511723E-3</v>
      </c>
      <c r="AY50" s="94">
        <v>0.17223500775192288</v>
      </c>
      <c r="AZ50" s="95">
        <v>1.0170703805200788E-2</v>
      </c>
      <c r="BA50" s="94">
        <v>0.70131123868647305</v>
      </c>
      <c r="BB50" s="95">
        <v>1.2323256964168517E-2</v>
      </c>
      <c r="BC50" s="94">
        <v>1.6528331741727277E-2</v>
      </c>
      <c r="BD50" s="95">
        <v>3.4679539056507542E-3</v>
      </c>
    </row>
    <row r="51" spans="1:56">
      <c r="A51" s="55" t="s">
        <v>570</v>
      </c>
      <c r="B51" s="98">
        <v>1827</v>
      </c>
      <c r="C51" s="99">
        <v>5.3734387734678455</v>
      </c>
      <c r="D51" s="100">
        <v>6.8241568045074641E-2</v>
      </c>
      <c r="E51" s="91">
        <v>9.9404268348992325E-2</v>
      </c>
      <c r="F51" s="92">
        <v>1.4039302661842177E-2</v>
      </c>
      <c r="G51" s="91">
        <v>0.11719784395388451</v>
      </c>
      <c r="H51" s="92">
        <v>1.5080491205699048E-2</v>
      </c>
      <c r="I51" s="91">
        <v>0.7679997894406192</v>
      </c>
      <c r="J51" s="92">
        <v>1.9746596900349984E-2</v>
      </c>
      <c r="K51" s="91">
        <v>1.5398098256502618E-2</v>
      </c>
      <c r="L51" s="92">
        <v>5.946408022242825E-3</v>
      </c>
      <c r="M51" s="90">
        <v>1777</v>
      </c>
      <c r="N51" s="99">
        <v>4.5128532236382375</v>
      </c>
      <c r="O51" s="100">
        <v>7.3683120870466301E-2</v>
      </c>
      <c r="P51" s="91">
        <v>0.20839821694796867</v>
      </c>
      <c r="Q51" s="92">
        <v>1.9270812771186838E-2</v>
      </c>
      <c r="R51" s="91">
        <v>0.23412408872652829</v>
      </c>
      <c r="S51" s="92">
        <v>2.008556501225418E-2</v>
      </c>
      <c r="T51" s="91">
        <v>0.47785417946228192</v>
      </c>
      <c r="U51" s="92">
        <v>2.3672468562604944E-2</v>
      </c>
      <c r="V51" s="91">
        <v>7.9623514863221681E-2</v>
      </c>
      <c r="W51" s="92">
        <v>1.2898472317941168E-2</v>
      </c>
      <c r="X51" s="98">
        <v>1820</v>
      </c>
      <c r="Y51" s="99">
        <v>5.1470333890790734</v>
      </c>
      <c r="Z51" s="100">
        <v>7.2096057040770781E-2</v>
      </c>
      <c r="AA51" s="91">
        <v>0.12805387088346512</v>
      </c>
      <c r="AB51" s="92">
        <v>1.5690411036083381E-2</v>
      </c>
      <c r="AC51" s="91">
        <v>0.18646591710378158</v>
      </c>
      <c r="AD51" s="92">
        <v>1.8265048010011491E-2</v>
      </c>
      <c r="AE51" s="91">
        <v>0.66791456553892603</v>
      </c>
      <c r="AF51" s="92">
        <v>2.2060931703918485E-2</v>
      </c>
      <c r="AG51" s="91">
        <v>1.756564647382584E-2</v>
      </c>
      <c r="AH51" s="92">
        <v>6.3309282345879797E-3</v>
      </c>
      <c r="AI51" s="90">
        <v>1811</v>
      </c>
      <c r="AJ51" s="99">
        <v>5.2118115503595108</v>
      </c>
      <c r="AK51" s="100">
        <v>7.0600063041543898E-2</v>
      </c>
      <c r="AL51" s="91">
        <v>0.11570567286298897</v>
      </c>
      <c r="AM51" s="92">
        <v>1.5064093982392101E-2</v>
      </c>
      <c r="AN51" s="91">
        <v>0.15655338212219935</v>
      </c>
      <c r="AO51" s="92">
        <v>1.7092441076349926E-2</v>
      </c>
      <c r="AP51" s="91">
        <v>0.70064984059348423</v>
      </c>
      <c r="AQ51" s="92">
        <v>2.1508760572868563E-2</v>
      </c>
      <c r="AR51" s="91">
        <v>2.7091104421327481E-2</v>
      </c>
      <c r="AS51" s="92">
        <v>7.7625708934490993E-3</v>
      </c>
      <c r="AT51" s="98">
        <v>1811</v>
      </c>
      <c r="AU51" s="99">
        <v>4.9365918208887951</v>
      </c>
      <c r="AV51" s="100">
        <v>7.1364258598289002E-2</v>
      </c>
      <c r="AW51" s="91">
        <v>0.16371707590481122</v>
      </c>
      <c r="AX51" s="92">
        <v>1.7402175051446613E-2</v>
      </c>
      <c r="AY51" s="91">
        <v>0.19789583143461734</v>
      </c>
      <c r="AZ51" s="92">
        <v>1.8727267227231153E-2</v>
      </c>
      <c r="BA51" s="91">
        <v>0.62378045451613073</v>
      </c>
      <c r="BB51" s="92">
        <v>2.274524660855937E-2</v>
      </c>
      <c r="BC51" s="91">
        <v>1.4606638144440061E-2</v>
      </c>
      <c r="BD51" s="92">
        <v>5.8315427705446172E-3</v>
      </c>
    </row>
    <row r="52" spans="1:56">
      <c r="A52" s="47" t="s">
        <v>571</v>
      </c>
      <c r="B52" s="102">
        <v>3823</v>
      </c>
      <c r="C52" s="103">
        <v>5.5994734710276228</v>
      </c>
      <c r="D52" s="104">
        <v>4.2374889929997314E-2</v>
      </c>
      <c r="E52" s="94">
        <v>7.1772964001062783E-2</v>
      </c>
      <c r="F52" s="95">
        <v>8.3686139148975922E-3</v>
      </c>
      <c r="G52" s="94">
        <v>0.10411412369850667</v>
      </c>
      <c r="H52" s="95">
        <v>9.8910618413151422E-3</v>
      </c>
      <c r="I52" s="94">
        <v>0.81868961156242392</v>
      </c>
      <c r="J52" s="95">
        <v>1.2464703403868465E-2</v>
      </c>
      <c r="K52" s="94">
        <v>5.4233007380096133E-3</v>
      </c>
      <c r="L52" s="95">
        <v>2.4843273454136575E-3</v>
      </c>
      <c r="M52" s="93">
        <v>3778</v>
      </c>
      <c r="N52" s="103">
        <v>4.6841843948132516</v>
      </c>
      <c r="O52" s="104">
        <v>4.7737036498510889E-2</v>
      </c>
      <c r="P52" s="94">
        <v>0.16862820248276245</v>
      </c>
      <c r="Q52" s="95">
        <v>1.2186844447887927E-2</v>
      </c>
      <c r="R52" s="94">
        <v>0.22079023627125494</v>
      </c>
      <c r="S52" s="95">
        <v>1.3495664895549682E-2</v>
      </c>
      <c r="T52" s="94">
        <v>0.53051273036329238</v>
      </c>
      <c r="U52" s="95">
        <v>1.6230457610155083E-2</v>
      </c>
      <c r="V52" s="94">
        <v>8.0068830882691108E-2</v>
      </c>
      <c r="W52" s="95">
        <v>8.8486079753310534E-3</v>
      </c>
      <c r="X52" s="102">
        <v>3805</v>
      </c>
      <c r="Y52" s="103">
        <v>5.369489101337849</v>
      </c>
      <c r="Z52" s="104">
        <v>4.5075547904679485E-2</v>
      </c>
      <c r="AA52" s="94">
        <v>9.9458811951150056E-2</v>
      </c>
      <c r="AB52" s="95">
        <v>9.7165680306966675E-3</v>
      </c>
      <c r="AC52" s="94">
        <v>0.14604585291777755</v>
      </c>
      <c r="AD52" s="95">
        <v>1.1456285364893652E-2</v>
      </c>
      <c r="AE52" s="94">
        <v>0.74421094775361252</v>
      </c>
      <c r="AF52" s="95">
        <v>1.4143479835853835E-2</v>
      </c>
      <c r="AG52" s="94">
        <v>1.0284387377463327E-2</v>
      </c>
      <c r="AH52" s="95">
        <v>3.3492825039329504E-3</v>
      </c>
      <c r="AI52" s="93">
        <v>3801</v>
      </c>
      <c r="AJ52" s="103">
        <v>5.3372063132136756</v>
      </c>
      <c r="AK52" s="104">
        <v>4.6276790501341758E-2</v>
      </c>
      <c r="AL52" s="94">
        <v>9.7537446077855736E-2</v>
      </c>
      <c r="AM52" s="95">
        <v>9.6380906566790169E-3</v>
      </c>
      <c r="AN52" s="94">
        <v>0.13623438690956272</v>
      </c>
      <c r="AO52" s="95">
        <v>1.1135417622850179E-2</v>
      </c>
      <c r="AP52" s="94">
        <v>0.74866383241634016</v>
      </c>
      <c r="AQ52" s="95">
        <v>1.4069332181566576E-2</v>
      </c>
      <c r="AR52" s="94">
        <v>1.7564334596245287E-2</v>
      </c>
      <c r="AS52" s="95">
        <v>4.3190639214251338E-3</v>
      </c>
      <c r="AT52" s="102">
        <v>3793</v>
      </c>
      <c r="AU52" s="103">
        <v>5.1474986943208059</v>
      </c>
      <c r="AV52" s="104">
        <v>4.4838755618544911E-2</v>
      </c>
      <c r="AW52" s="94">
        <v>0.11293793176481148</v>
      </c>
      <c r="AX52" s="95">
        <v>1.0289383702901009E-2</v>
      </c>
      <c r="AY52" s="94">
        <v>0.17952250022213451</v>
      </c>
      <c r="AZ52" s="95">
        <v>1.2465826947824768E-2</v>
      </c>
      <c r="BA52" s="94">
        <v>0.69803627543515878</v>
      </c>
      <c r="BB52" s="95">
        <v>1.4904284922053047E-2</v>
      </c>
      <c r="BC52" s="94">
        <v>9.5032925778976828E-3</v>
      </c>
      <c r="BD52" s="95">
        <v>3.2326377760366811E-3</v>
      </c>
    </row>
    <row r="53" spans="1:56">
      <c r="A53" s="55" t="s">
        <v>572</v>
      </c>
      <c r="B53" s="98">
        <v>4191</v>
      </c>
      <c r="C53" s="99">
        <v>5.709411960624351</v>
      </c>
      <c r="D53" s="100">
        <v>4.0687549589019385E-2</v>
      </c>
      <c r="E53" s="91">
        <v>6.7784489542749307E-2</v>
      </c>
      <c r="F53" s="92">
        <v>7.7840848499343132E-3</v>
      </c>
      <c r="G53" s="91">
        <v>0.10270701360878678</v>
      </c>
      <c r="H53" s="92">
        <v>9.3894241568546408E-3</v>
      </c>
      <c r="I53" s="91">
        <v>0.81979534239514595</v>
      </c>
      <c r="J53" s="92">
        <v>1.1876434791306062E-2</v>
      </c>
      <c r="K53" s="91">
        <v>9.7131544533198555E-3</v>
      </c>
      <c r="L53" s="92">
        <v>3.0997720240413902E-3</v>
      </c>
      <c r="M53" s="90">
        <v>4160</v>
      </c>
      <c r="N53" s="99">
        <v>4.7890337849571747</v>
      </c>
      <c r="O53" s="100">
        <v>4.4822912396285983E-2</v>
      </c>
      <c r="P53" s="91">
        <v>0.16223466127371128</v>
      </c>
      <c r="Q53" s="92">
        <v>1.1435558703201298E-2</v>
      </c>
      <c r="R53" s="91">
        <v>0.17981255323203416</v>
      </c>
      <c r="S53" s="92">
        <v>1.1910524119902795E-2</v>
      </c>
      <c r="T53" s="91">
        <v>0.56281001795668373</v>
      </c>
      <c r="U53" s="92">
        <v>1.5374370099277956E-2</v>
      </c>
      <c r="V53" s="91">
        <v>9.5142767537579123E-2</v>
      </c>
      <c r="W53" s="92">
        <v>9.1105589277138375E-3</v>
      </c>
      <c r="X53" s="98">
        <v>4163</v>
      </c>
      <c r="Y53" s="99">
        <v>5.5231168619119719</v>
      </c>
      <c r="Z53" s="100">
        <v>4.4384814849151015E-2</v>
      </c>
      <c r="AA53" s="91">
        <v>9.5922592581011448E-2</v>
      </c>
      <c r="AB53" s="92">
        <v>9.1403880465374433E-3</v>
      </c>
      <c r="AC53" s="91">
        <v>0.13355249324474266</v>
      </c>
      <c r="AD53" s="92">
        <v>1.0551115722335549E-2</v>
      </c>
      <c r="AE53" s="91">
        <v>0.75744889485116085</v>
      </c>
      <c r="AF53" s="92">
        <v>1.3284549081872302E-2</v>
      </c>
      <c r="AG53" s="91">
        <v>1.3076019323088654E-2</v>
      </c>
      <c r="AH53" s="92">
        <v>3.5811420438694791E-3</v>
      </c>
      <c r="AI53" s="90">
        <v>4143</v>
      </c>
      <c r="AJ53" s="99">
        <v>5.2906368886494954</v>
      </c>
      <c r="AK53" s="100">
        <v>4.7111073231693702E-2</v>
      </c>
      <c r="AL53" s="91">
        <v>0.11536044362470055</v>
      </c>
      <c r="AM53" s="92">
        <v>9.9352949072959683E-3</v>
      </c>
      <c r="AN53" s="91">
        <v>0.14257286886378581</v>
      </c>
      <c r="AO53" s="92">
        <v>1.0869689964241376E-2</v>
      </c>
      <c r="AP53" s="91">
        <v>0.71184013510257482</v>
      </c>
      <c r="AQ53" s="92">
        <v>1.4068977699310486E-2</v>
      </c>
      <c r="AR53" s="91">
        <v>3.0226552408943893E-2</v>
      </c>
      <c r="AS53" s="92">
        <v>5.3557710784060139E-3</v>
      </c>
      <c r="AT53" s="98">
        <v>4151</v>
      </c>
      <c r="AU53" s="99">
        <v>5.298575273621112</v>
      </c>
      <c r="AV53" s="100">
        <v>4.4396347789708024E-2</v>
      </c>
      <c r="AW53" s="91">
        <v>0.11394888652924845</v>
      </c>
      <c r="AX53" s="92">
        <v>9.8729035748170834E-3</v>
      </c>
      <c r="AY53" s="91">
        <v>0.15454357803712879</v>
      </c>
      <c r="AZ53" s="92">
        <v>1.1225273459893869E-2</v>
      </c>
      <c r="BA53" s="91">
        <v>0.71605031525564333</v>
      </c>
      <c r="BB53" s="92">
        <v>1.399370980988811E-2</v>
      </c>
      <c r="BC53" s="91">
        <v>1.5457220177982541E-2</v>
      </c>
      <c r="BD53" s="92">
        <v>3.8840131510007323E-3</v>
      </c>
    </row>
    <row r="54" spans="1:56">
      <c r="A54" s="47" t="s">
        <v>573</v>
      </c>
      <c r="B54" s="102">
        <v>4028</v>
      </c>
      <c r="C54" s="103">
        <v>6.0707635861721849</v>
      </c>
      <c r="D54" s="104">
        <v>3.5806856261580575E-2</v>
      </c>
      <c r="E54" s="94">
        <v>2.8905216665819706E-2</v>
      </c>
      <c r="F54" s="95">
        <v>5.3182286648259013E-3</v>
      </c>
      <c r="G54" s="94">
        <v>6.1379297144759627E-2</v>
      </c>
      <c r="H54" s="95">
        <v>7.5850607754209395E-3</v>
      </c>
      <c r="I54" s="94">
        <v>0.90660819887803867</v>
      </c>
      <c r="J54" s="95">
        <v>9.1827589297431306E-3</v>
      </c>
      <c r="K54" s="94">
        <v>3.1072873113801363E-3</v>
      </c>
      <c r="L54" s="95">
        <v>1.8864793384492299E-3</v>
      </c>
      <c r="M54" s="93">
        <v>3972</v>
      </c>
      <c r="N54" s="103">
        <v>5.131699820174239</v>
      </c>
      <c r="O54" s="104">
        <v>4.2429288094967786E-2</v>
      </c>
      <c r="P54" s="94">
        <v>9.4521395693602642E-2</v>
      </c>
      <c r="Q54" s="95">
        <v>9.2971158909842706E-3</v>
      </c>
      <c r="R54" s="94">
        <v>0.15578036751430716</v>
      </c>
      <c r="S54" s="95">
        <v>1.1512880086059347E-2</v>
      </c>
      <c r="T54" s="94">
        <v>0.65614313136171831</v>
      </c>
      <c r="U54" s="95">
        <v>1.5067532537290517E-2</v>
      </c>
      <c r="V54" s="94">
        <v>9.3555105430366256E-2</v>
      </c>
      <c r="W54" s="95">
        <v>9.2546562167754552E-3</v>
      </c>
      <c r="X54" s="102">
        <v>3995</v>
      </c>
      <c r="Y54" s="103">
        <v>5.897722053789054</v>
      </c>
      <c r="Z54" s="104">
        <v>3.969791618878929E-2</v>
      </c>
      <c r="AA54" s="94">
        <v>5.1622046205036617E-2</v>
      </c>
      <c r="AB54" s="95">
        <v>7.0264883417911926E-3</v>
      </c>
      <c r="AC54" s="94">
        <v>8.1811395376962609E-2</v>
      </c>
      <c r="AD54" s="95">
        <v>8.688316211136294E-3</v>
      </c>
      <c r="AE54" s="94">
        <v>0.86058514538723674</v>
      </c>
      <c r="AF54" s="95">
        <v>1.0966694956101235E-2</v>
      </c>
      <c r="AG54" s="94">
        <v>5.9814130307610366E-3</v>
      </c>
      <c r="AH54" s="95">
        <v>2.5367757383151952E-3</v>
      </c>
      <c r="AI54" s="93">
        <v>3989</v>
      </c>
      <c r="AJ54" s="103">
        <v>5.6743252578180998</v>
      </c>
      <c r="AK54" s="104">
        <v>4.4877935919733811E-2</v>
      </c>
      <c r="AL54" s="94">
        <v>6.3594820106583169E-2</v>
      </c>
      <c r="AM54" s="95">
        <v>7.748352032970667E-3</v>
      </c>
      <c r="AN54" s="94">
        <v>9.7360940486354797E-2</v>
      </c>
      <c r="AO54" s="95">
        <v>9.4000564763130207E-3</v>
      </c>
      <c r="AP54" s="94">
        <v>0.80629295733819883</v>
      </c>
      <c r="AQ54" s="95">
        <v>1.2515854801361498E-2</v>
      </c>
      <c r="AR54" s="94">
        <v>3.275128206886084E-2</v>
      </c>
      <c r="AS54" s="95">
        <v>5.6720477711068047E-3</v>
      </c>
      <c r="AT54" s="102">
        <v>3989</v>
      </c>
      <c r="AU54" s="103">
        <v>5.6849355013542766</v>
      </c>
      <c r="AV54" s="104">
        <v>4.1589186761968835E-2</v>
      </c>
      <c r="AW54" s="94">
        <v>7.0660452875361671E-2</v>
      </c>
      <c r="AX54" s="95">
        <v>8.1334154120206448E-3</v>
      </c>
      <c r="AY54" s="94">
        <v>9.8651691127118649E-2</v>
      </c>
      <c r="AZ54" s="95">
        <v>9.4550804584374454E-3</v>
      </c>
      <c r="BA54" s="94">
        <v>0.81352251120277752</v>
      </c>
      <c r="BB54" s="95">
        <v>1.2335589387538327E-2</v>
      </c>
      <c r="BC54" s="94">
        <v>1.7165344794738639E-2</v>
      </c>
      <c r="BD54" s="95">
        <v>4.1674850518427205E-3</v>
      </c>
    </row>
    <row r="55" spans="1:56">
      <c r="A55" s="55" t="s">
        <v>579</v>
      </c>
      <c r="B55" s="98">
        <v>9671</v>
      </c>
      <c r="C55" s="99">
        <v>5.6711343232219855</v>
      </c>
      <c r="D55" s="100">
        <v>2.6435333163378833E-2</v>
      </c>
      <c r="E55" s="91">
        <v>6.7123727763057361E-2</v>
      </c>
      <c r="F55" s="92">
        <v>5.0943771804166154E-3</v>
      </c>
      <c r="G55" s="91">
        <v>9.6509483267167212E-2</v>
      </c>
      <c r="H55" s="92">
        <v>6.0087788959901096E-3</v>
      </c>
      <c r="I55" s="91">
        <v>0.8280233816080923</v>
      </c>
      <c r="J55" s="92">
        <v>7.6753133244063321E-3</v>
      </c>
      <c r="K55" s="91">
        <v>8.343407361703338E-3</v>
      </c>
      <c r="L55" s="92">
        <v>1.8717130638229154E-3</v>
      </c>
      <c r="M55" s="90">
        <v>9629</v>
      </c>
      <c r="N55" s="99">
        <v>4.7696082464687475</v>
      </c>
      <c r="O55" s="100">
        <v>3.0015912984942335E-2</v>
      </c>
      <c r="P55" s="97">
        <v>0.16095679721065534</v>
      </c>
      <c r="Q55" s="92">
        <v>7.4911664807325272E-3</v>
      </c>
      <c r="R55" s="91">
        <v>0.19447362347872549</v>
      </c>
      <c r="S55" s="92">
        <v>8.0672749858662109E-3</v>
      </c>
      <c r="T55" s="91">
        <v>0.55704512093800274</v>
      </c>
      <c r="U55" s="92">
        <v>1.0122237558251854E-2</v>
      </c>
      <c r="V55" s="91">
        <v>8.7524458372636699E-2</v>
      </c>
      <c r="W55" s="92">
        <v>5.7637920413592834E-3</v>
      </c>
      <c r="X55" s="98">
        <v>9613</v>
      </c>
      <c r="Y55" s="99">
        <v>5.4582514314474624</v>
      </c>
      <c r="Z55" s="100">
        <v>2.9017360283328068E-2</v>
      </c>
      <c r="AA55" s="91">
        <v>9.7703865489630351E-2</v>
      </c>
      <c r="AB55" s="92">
        <v>6.059989942699625E-3</v>
      </c>
      <c r="AC55" s="91">
        <v>0.1395367989892046</v>
      </c>
      <c r="AD55" s="92">
        <v>7.069945555586498E-3</v>
      </c>
      <c r="AE55" s="91">
        <v>0.75055385064657554</v>
      </c>
      <c r="AF55" s="92">
        <v>8.8257183938639447E-3</v>
      </c>
      <c r="AG55" s="91">
        <v>1.2205484874610192E-2</v>
      </c>
      <c r="AH55" s="92">
        <v>2.2576484290149045E-3</v>
      </c>
      <c r="AI55" s="90">
        <v>9569</v>
      </c>
      <c r="AJ55" s="99">
        <v>5.3481444375901441</v>
      </c>
      <c r="AK55" s="100">
        <v>2.9857177336265452E-2</v>
      </c>
      <c r="AL55" s="97">
        <v>9.8591715962507709E-2</v>
      </c>
      <c r="AM55" s="92">
        <v>6.098396284341826E-3</v>
      </c>
      <c r="AN55" s="91">
        <v>0.13987261627096756</v>
      </c>
      <c r="AO55" s="92">
        <v>7.0933141370708745E-3</v>
      </c>
      <c r="AP55" s="91">
        <v>0.73673168969897473</v>
      </c>
      <c r="AQ55" s="92">
        <v>9.0035203394926971E-3</v>
      </c>
      <c r="AR55" s="91">
        <v>2.4803978067572174E-2</v>
      </c>
      <c r="AS55" s="92">
        <v>3.1915358721205543E-3</v>
      </c>
      <c r="AT55" s="98">
        <v>9578</v>
      </c>
      <c r="AU55" s="99">
        <v>5.2524008362480643</v>
      </c>
      <c r="AV55" s="100">
        <v>2.8973158066079717E-2</v>
      </c>
      <c r="AW55" s="91">
        <v>0.11323945156116778</v>
      </c>
      <c r="AX55" s="92">
        <v>6.4784903120067346E-3</v>
      </c>
      <c r="AY55" s="91">
        <v>0.16104769071361014</v>
      </c>
      <c r="AZ55" s="92">
        <v>7.5128008039476394E-3</v>
      </c>
      <c r="BA55" s="91">
        <v>0.71314443391813764</v>
      </c>
      <c r="BB55" s="92">
        <v>9.2419273733869503E-3</v>
      </c>
      <c r="BC55" s="91">
        <v>1.2568423807106622E-2</v>
      </c>
      <c r="BD55" s="92">
        <v>2.2942379105556649E-3</v>
      </c>
    </row>
    <row r="56" spans="1:56">
      <c r="A56" s="47" t="s">
        <v>585</v>
      </c>
      <c r="B56" s="102">
        <v>1557</v>
      </c>
      <c r="C56" s="103">
        <v>5.7951948694445861</v>
      </c>
      <c r="D56" s="104">
        <v>6.5701182303471967E-2</v>
      </c>
      <c r="E56" s="94">
        <v>5.3118647247000765E-2</v>
      </c>
      <c r="F56" s="95">
        <v>1.1467493747634344E-2</v>
      </c>
      <c r="G56" s="94">
        <v>9.8746767933320781E-2</v>
      </c>
      <c r="H56" s="95">
        <v>1.5171023323939388E-2</v>
      </c>
      <c r="I56" s="94">
        <v>0.84269669323944352</v>
      </c>
      <c r="J56" s="95">
        <v>1.8472070171123643E-2</v>
      </c>
      <c r="K56" s="94">
        <v>5.437891580234739E-3</v>
      </c>
      <c r="L56" s="95">
        <v>4.1311701343401779E-3</v>
      </c>
      <c r="M56" s="93">
        <v>1545</v>
      </c>
      <c r="N56" s="103">
        <v>4.7504453821890831</v>
      </c>
      <c r="O56" s="104">
        <v>7.2813896077950288E-2</v>
      </c>
      <c r="P56" s="94">
        <v>0.14876029700490515</v>
      </c>
      <c r="Q56" s="95">
        <v>1.8128513638776801E-2</v>
      </c>
      <c r="R56" s="94">
        <v>0.21256126794981772</v>
      </c>
      <c r="S56" s="95">
        <v>2.0816461353919638E-2</v>
      </c>
      <c r="T56" s="94">
        <v>0.5384620424614226</v>
      </c>
      <c r="U56" s="95">
        <v>2.5333326052983274E-2</v>
      </c>
      <c r="V56" s="94">
        <v>0.10021639258385688</v>
      </c>
      <c r="W56" s="95">
        <v>1.532917885059446E-2</v>
      </c>
      <c r="X56" s="102">
        <v>1540</v>
      </c>
      <c r="Y56" s="103">
        <v>5.5073486250142913</v>
      </c>
      <c r="Z56" s="104">
        <v>7.2246289272463529E-2</v>
      </c>
      <c r="AA56" s="94">
        <v>9.7070920385445986E-2</v>
      </c>
      <c r="AB56" s="95">
        <v>1.5140813013513471E-2</v>
      </c>
      <c r="AC56" s="94">
        <v>0.1220194818629687</v>
      </c>
      <c r="AD56" s="95">
        <v>1.6716938163632684E-2</v>
      </c>
      <c r="AE56" s="94">
        <v>0.7695734926436576</v>
      </c>
      <c r="AF56" s="95">
        <v>2.1456436897069091E-2</v>
      </c>
      <c r="AG56" s="94">
        <v>1.1336105107928545E-2</v>
      </c>
      <c r="AH56" s="95">
        <v>5.6777133352359302E-3</v>
      </c>
      <c r="AI56" s="93">
        <v>1541</v>
      </c>
      <c r="AJ56" s="103">
        <v>5.4378450020398796</v>
      </c>
      <c r="AK56" s="104">
        <v>7.222209590820089E-2</v>
      </c>
      <c r="AL56" s="94">
        <v>9.7351323736318746E-2</v>
      </c>
      <c r="AM56" s="95">
        <v>1.5155072756995909E-2</v>
      </c>
      <c r="AN56" s="94">
        <v>0.11036954695641292</v>
      </c>
      <c r="AO56" s="95">
        <v>1.6007536531169913E-2</v>
      </c>
      <c r="AP56" s="94">
        <v>0.76450300514633895</v>
      </c>
      <c r="AQ56" s="95">
        <v>2.1611452871305555E-2</v>
      </c>
      <c r="AR56" s="94">
        <v>2.7776124160929963E-2</v>
      </c>
      <c r="AS56" s="95">
        <v>8.538173948341948E-3</v>
      </c>
      <c r="AT56" s="102">
        <v>1544</v>
      </c>
      <c r="AU56" s="103">
        <v>5.2803241630215121</v>
      </c>
      <c r="AV56" s="104">
        <v>7.4100457928802543E-2</v>
      </c>
      <c r="AW56" s="94">
        <v>0.12233940738179955</v>
      </c>
      <c r="AX56" s="95">
        <v>1.6713779737097839E-2</v>
      </c>
      <c r="AY56" s="94">
        <v>0.12984203289906779</v>
      </c>
      <c r="AZ56" s="95">
        <v>1.7139815857890935E-2</v>
      </c>
      <c r="BA56" s="94">
        <v>0.72148197058694974</v>
      </c>
      <c r="BB56" s="95">
        <v>2.2801180869320439E-2</v>
      </c>
      <c r="BC56" s="94">
        <v>2.633658913218374E-2</v>
      </c>
      <c r="BD56" s="95">
        <v>8.321843710839506E-3</v>
      </c>
    </row>
    <row r="57" spans="1:56">
      <c r="A57" s="55" t="s">
        <v>586</v>
      </c>
      <c r="B57" s="98">
        <v>911</v>
      </c>
      <c r="C57" s="99">
        <v>5.6463025845721386</v>
      </c>
      <c r="D57" s="100">
        <v>9.0696497576056551E-2</v>
      </c>
      <c r="E57" s="91">
        <v>7.4651885900683265E-2</v>
      </c>
      <c r="F57" s="92">
        <v>1.7575112483837151E-2</v>
      </c>
      <c r="G57" s="91">
        <v>9.5683964491341339E-2</v>
      </c>
      <c r="H57" s="92">
        <v>1.9608705327237897E-2</v>
      </c>
      <c r="I57" s="91">
        <v>0.82579306558457333</v>
      </c>
      <c r="J57" s="92">
        <v>2.5158284475596135E-2</v>
      </c>
      <c r="K57" s="91">
        <v>3.8710840234027345E-3</v>
      </c>
      <c r="L57" s="92">
        <v>5.1229570362578622E-3</v>
      </c>
      <c r="M57" s="90">
        <v>909</v>
      </c>
      <c r="N57" s="99">
        <v>4.7602476470204511</v>
      </c>
      <c r="O57" s="100">
        <v>9.4002120839824052E-2</v>
      </c>
      <c r="P57" s="97">
        <v>0.14581485653432413</v>
      </c>
      <c r="Q57" s="92">
        <v>2.3462555217778073E-2</v>
      </c>
      <c r="R57" s="91">
        <v>0.23208885970210427</v>
      </c>
      <c r="S57" s="92">
        <v>2.7992423551245062E-2</v>
      </c>
      <c r="T57" s="91">
        <v>0.54499548214187421</v>
      </c>
      <c r="U57" s="92">
        <v>3.2962065080157449E-2</v>
      </c>
      <c r="V57" s="91">
        <v>7.710080162169794E-2</v>
      </c>
      <c r="W57" s="92">
        <v>1.7849304882412875E-2</v>
      </c>
      <c r="X57" s="98">
        <v>910</v>
      </c>
      <c r="Y57" s="99">
        <v>5.5013566519865966</v>
      </c>
      <c r="Z57" s="100">
        <v>9.3549556530113376E-2</v>
      </c>
      <c r="AA57" s="91">
        <v>7.8370578794520876E-2</v>
      </c>
      <c r="AB57" s="92">
        <v>1.7969243369769228E-2</v>
      </c>
      <c r="AC57" s="91">
        <v>0.1438835439023177</v>
      </c>
      <c r="AD57" s="92">
        <v>2.3322367744655806E-2</v>
      </c>
      <c r="AE57" s="91">
        <v>0.77180604812640663</v>
      </c>
      <c r="AF57" s="92">
        <v>2.7813594619236433E-2</v>
      </c>
      <c r="AG57" s="91">
        <v>5.9398291767552699E-3</v>
      </c>
      <c r="AH57" s="92">
        <v>5.9304412220765202E-3</v>
      </c>
      <c r="AI57" s="90">
        <v>911</v>
      </c>
      <c r="AJ57" s="99">
        <v>5.4316762623195656</v>
      </c>
      <c r="AK57" s="100">
        <v>9.6630281056315687E-2</v>
      </c>
      <c r="AL57" s="97">
        <v>8.4575860465519806E-2</v>
      </c>
      <c r="AM57" s="92">
        <v>1.8575306252472602E-2</v>
      </c>
      <c r="AN57" s="91">
        <v>0.12599789251948335</v>
      </c>
      <c r="AO57" s="92">
        <v>2.2062278841311709E-2</v>
      </c>
      <c r="AP57" s="91">
        <v>0.7602784840920519</v>
      </c>
      <c r="AQ57" s="92">
        <v>2.8272377073401214E-2</v>
      </c>
      <c r="AR57" s="91">
        <v>2.9147762922945041E-2</v>
      </c>
      <c r="AS57" s="92">
        <v>1.1496221398532288E-2</v>
      </c>
      <c r="AT57" s="98">
        <v>907</v>
      </c>
      <c r="AU57" s="99">
        <v>5.2720324134104537</v>
      </c>
      <c r="AV57" s="100">
        <v>9.3522830887153616E-2</v>
      </c>
      <c r="AW57" s="91">
        <v>0.10481241412592761</v>
      </c>
      <c r="AX57" s="92">
        <v>2.0444587150457542E-2</v>
      </c>
      <c r="AY57" s="91">
        <v>0.1724122667994995</v>
      </c>
      <c r="AZ57" s="92">
        <v>2.5112400662901564E-2</v>
      </c>
      <c r="BA57" s="91">
        <v>0.71699162475838374</v>
      </c>
      <c r="BB57" s="92">
        <v>2.9879171965746278E-2</v>
      </c>
      <c r="BC57" s="91">
        <v>5.783694316190152E-3</v>
      </c>
      <c r="BD57" s="92">
        <v>5.8860112131692123E-3</v>
      </c>
    </row>
    <row r="58" spans="1:56">
      <c r="A58" s="47" t="s">
        <v>584</v>
      </c>
      <c r="B58" s="102">
        <v>310</v>
      </c>
      <c r="C58" s="103">
        <v>5.3559239240467651</v>
      </c>
      <c r="D58" s="104">
        <v>0.19471253193309743</v>
      </c>
      <c r="E58" s="94">
        <v>0.14175529608574566</v>
      </c>
      <c r="F58" s="95">
        <v>3.9889927482410645E-2</v>
      </c>
      <c r="G58" s="94">
        <v>8.5030521708772594E-2</v>
      </c>
      <c r="H58" s="95">
        <v>3.2351501109655921E-2</v>
      </c>
      <c r="I58" s="94">
        <v>0.75763665028483718</v>
      </c>
      <c r="J58" s="95">
        <v>4.8585561747770414E-2</v>
      </c>
      <c r="K58" s="94">
        <v>1.5577531920644682E-2</v>
      </c>
      <c r="L58" s="95">
        <v>1.6462859456389471E-2</v>
      </c>
      <c r="M58" s="93">
        <v>305</v>
      </c>
      <c r="N58" s="103">
        <v>4.710222589064621</v>
      </c>
      <c r="O58" s="104">
        <v>0.19933240144618419</v>
      </c>
      <c r="P58" s="94">
        <v>0.20489733388444176</v>
      </c>
      <c r="Q58" s="95">
        <v>4.623766746911797E-2</v>
      </c>
      <c r="R58" s="94">
        <v>0.1851941815660387</v>
      </c>
      <c r="S58" s="95">
        <v>4.4568619950796147E-2</v>
      </c>
      <c r="T58" s="94">
        <v>0.52802155769890147</v>
      </c>
      <c r="U58" s="95">
        <v>5.6800905882591388E-2</v>
      </c>
      <c r="V58" s="94">
        <v>8.1886926850617991E-2</v>
      </c>
      <c r="W58" s="95">
        <v>3.2115932723609103E-2</v>
      </c>
      <c r="X58" s="102">
        <v>303</v>
      </c>
      <c r="Y58" s="103">
        <v>5.3842258323764209</v>
      </c>
      <c r="Z58" s="104">
        <v>0.19027016846646455</v>
      </c>
      <c r="AA58" s="94">
        <v>0.1301122502603638</v>
      </c>
      <c r="AB58" s="95">
        <v>3.8998052001810814E-2</v>
      </c>
      <c r="AC58" s="94">
        <v>9.0824854533680888E-2</v>
      </c>
      <c r="AD58" s="95">
        <v>3.3650846835557836E-2</v>
      </c>
      <c r="AE58" s="94">
        <v>0.75560906798070404</v>
      </c>
      <c r="AF58" s="95">
        <v>4.9275596617329054E-2</v>
      </c>
      <c r="AG58" s="94">
        <v>2.3453827225251397E-2</v>
      </c>
      <c r="AH58" s="95">
        <v>1.9365508937599554E-2</v>
      </c>
      <c r="AI58" s="93">
        <v>305</v>
      </c>
      <c r="AJ58" s="103">
        <v>5.1214071509488894</v>
      </c>
      <c r="AK58" s="104">
        <v>0.18832456477638601</v>
      </c>
      <c r="AL58" s="94">
        <v>0.16388321640626913</v>
      </c>
      <c r="AM58" s="95">
        <v>4.2560671683600081E-2</v>
      </c>
      <c r="AN58" s="94">
        <v>0.13661049784733675</v>
      </c>
      <c r="AO58" s="95">
        <v>3.9633394706080446E-2</v>
      </c>
      <c r="AP58" s="94">
        <v>0.66293133147694205</v>
      </c>
      <c r="AQ58" s="95">
        <v>5.3865014534335662E-2</v>
      </c>
      <c r="AR58" s="94">
        <v>3.6574954269452099E-2</v>
      </c>
      <c r="AS58" s="95">
        <v>2.2970767936934783E-2</v>
      </c>
      <c r="AT58" s="102">
        <v>301</v>
      </c>
      <c r="AU58" s="103">
        <v>5.0903723158332088</v>
      </c>
      <c r="AV58" s="104">
        <v>0.19172992881576165</v>
      </c>
      <c r="AW58" s="94">
        <v>0.1533365320766546</v>
      </c>
      <c r="AX58" s="95">
        <v>4.1757444183215905E-2</v>
      </c>
      <c r="AY58" s="94">
        <v>0.13739746527069938</v>
      </c>
      <c r="AZ58" s="95">
        <v>3.9991057852442856E-2</v>
      </c>
      <c r="BA58" s="94">
        <v>0.70078835859026212</v>
      </c>
      <c r="BB58" s="95">
        <v>5.2571209320924829E-2</v>
      </c>
      <c r="BC58" s="94">
        <v>8.4776440623841182E-3</v>
      </c>
      <c r="BD58" s="95">
        <v>1.3885299657685273E-2</v>
      </c>
    </row>
    <row r="59" spans="1:56">
      <c r="A59" s="55" t="s">
        <v>587</v>
      </c>
      <c r="B59" s="98">
        <v>13094</v>
      </c>
      <c r="C59" s="99">
        <v>5.6972879269417467</v>
      </c>
      <c r="D59" s="100">
        <v>2.2424285358249911E-2</v>
      </c>
      <c r="E59" s="91">
        <v>6.4007809392445186E-2</v>
      </c>
      <c r="F59" s="92">
        <v>4.2815442936655415E-3</v>
      </c>
      <c r="G59" s="91">
        <v>9.6412590293029551E-2</v>
      </c>
      <c r="H59" s="92">
        <v>5.1609215902872043E-3</v>
      </c>
      <c r="I59" s="91">
        <v>0.83238512372900542</v>
      </c>
      <c r="J59" s="92">
        <v>6.5290639120279218E-3</v>
      </c>
      <c r="K59" s="91">
        <v>7.1944765855263028E-3</v>
      </c>
      <c r="L59" s="92">
        <v>1.4921820882399773E-3</v>
      </c>
      <c r="M59" s="90">
        <v>13030</v>
      </c>
      <c r="N59" s="99">
        <v>4.7721561955037854</v>
      </c>
      <c r="O59" s="100">
        <v>2.5281616967367665E-2</v>
      </c>
      <c r="P59" s="97">
        <v>0.15587794893466406</v>
      </c>
      <c r="Q59" s="92">
        <v>6.3563236189746993E-3</v>
      </c>
      <c r="R59" s="91">
        <v>0.20167301058864587</v>
      </c>
      <c r="S59" s="92">
        <v>7.0303846296329636E-3</v>
      </c>
      <c r="T59" s="91">
        <v>0.55502909858042404</v>
      </c>
      <c r="U59" s="92">
        <v>8.7059557072029919E-3</v>
      </c>
      <c r="V59" s="91">
        <v>8.7419941896282757E-2</v>
      </c>
      <c r="W59" s="92">
        <v>4.951263427793077E-3</v>
      </c>
      <c r="X59" s="98">
        <v>13018</v>
      </c>
      <c r="Y59" s="99">
        <v>5.4799274486978762</v>
      </c>
      <c r="Z59" s="100">
        <v>2.4591045849055981E-2</v>
      </c>
      <c r="AA59" s="91">
        <v>9.37628097500601E-2</v>
      </c>
      <c r="AB59" s="92">
        <v>5.1119464372994207E-3</v>
      </c>
      <c r="AC59" s="91">
        <v>0.13780883310756686</v>
      </c>
      <c r="AD59" s="92">
        <v>6.0433629258346624E-3</v>
      </c>
      <c r="AE59" s="91">
        <v>0.7573635591907586</v>
      </c>
      <c r="AF59" s="92">
        <v>7.5139696634142859E-3</v>
      </c>
      <c r="AG59" s="91">
        <v>1.1064797951619361E-2</v>
      </c>
      <c r="AH59" s="92">
        <v>1.8456164150089181E-3</v>
      </c>
      <c r="AI59" s="90">
        <v>12974</v>
      </c>
      <c r="AJ59" s="99">
        <v>5.3763669504676006</v>
      </c>
      <c r="AK59" s="100">
        <v>2.5660957472588015E-2</v>
      </c>
      <c r="AL59" s="97">
        <v>9.5238896207300971E-2</v>
      </c>
      <c r="AM59" s="92">
        <v>5.1564945013053394E-3</v>
      </c>
      <c r="AN59" s="91">
        <v>0.13444522476726622</v>
      </c>
      <c r="AO59" s="92">
        <v>5.9910054078577231E-3</v>
      </c>
      <c r="AP59" s="91">
        <v>0.74491216058445031</v>
      </c>
      <c r="AQ59" s="92">
        <v>7.6536000421378609E-3</v>
      </c>
      <c r="AR59" s="91">
        <v>2.5403718440987957E-2</v>
      </c>
      <c r="AS59" s="92">
        <v>2.7701373735535655E-3</v>
      </c>
      <c r="AT59" s="98">
        <v>12984</v>
      </c>
      <c r="AU59" s="99">
        <v>5.2672644600498799</v>
      </c>
      <c r="AV59" s="100">
        <v>2.4693339651210948E-2</v>
      </c>
      <c r="AW59" s="91">
        <v>0.11213039869493192</v>
      </c>
      <c r="AX59" s="92">
        <v>5.5398387450340588E-3</v>
      </c>
      <c r="AY59" s="91">
        <v>0.15822884073661403</v>
      </c>
      <c r="AZ59" s="92">
        <v>6.4064279869233513E-3</v>
      </c>
      <c r="BA59" s="91">
        <v>0.71604094989795641</v>
      </c>
      <c r="BB59" s="92">
        <v>7.9138231184650229E-3</v>
      </c>
      <c r="BC59" s="91">
        <v>1.3599810670512469E-2</v>
      </c>
      <c r="BD59" s="92">
        <v>2.0436082537442085E-3</v>
      </c>
    </row>
    <row r="61" spans="1:56" ht="21" customHeight="1">
      <c r="A61" s="292" t="s">
        <v>33</v>
      </c>
      <c r="B61" s="292"/>
      <c r="C61" s="292"/>
      <c r="D61" s="292"/>
      <c r="E61" s="292"/>
      <c r="F61" s="292"/>
      <c r="G61" s="292"/>
      <c r="H61" s="292"/>
      <c r="I61" s="292"/>
      <c r="J61" s="292"/>
      <c r="K61" s="292"/>
      <c r="L61" s="292"/>
      <c r="M61" s="292"/>
      <c r="N61" s="292"/>
      <c r="O61" s="292"/>
      <c r="P61" s="292"/>
      <c r="Q61" s="292"/>
      <c r="R61" s="292"/>
      <c r="S61" s="292"/>
      <c r="T61" s="292"/>
      <c r="U61" s="292"/>
      <c r="V61" s="292"/>
      <c r="W61" s="292"/>
      <c r="X61" s="292"/>
      <c r="Y61" s="292"/>
      <c r="Z61" s="292"/>
      <c r="AA61" s="292"/>
      <c r="AB61" s="292"/>
      <c r="AC61" s="292"/>
      <c r="AD61" s="292"/>
      <c r="AE61" s="292"/>
      <c r="AF61" s="292"/>
      <c r="AG61" s="292"/>
      <c r="AH61" s="292"/>
      <c r="AI61" s="292"/>
      <c r="AJ61" s="292"/>
      <c r="AK61" s="292"/>
      <c r="AL61" s="292"/>
      <c r="AM61" s="292"/>
      <c r="AN61" s="292"/>
      <c r="AO61" s="292"/>
      <c r="AP61" s="292"/>
      <c r="AQ61" s="292"/>
      <c r="AR61" s="292"/>
      <c r="AS61" s="292"/>
    </row>
    <row r="62" spans="1:56" ht="73.5" customHeight="1">
      <c r="A62" s="362" t="s">
        <v>601</v>
      </c>
      <c r="B62" s="362"/>
      <c r="C62" s="362"/>
      <c r="D62" s="362"/>
      <c r="E62" s="362"/>
      <c r="F62" s="362"/>
      <c r="G62" s="362"/>
      <c r="H62" s="362"/>
      <c r="I62" s="362"/>
      <c r="J62" s="362"/>
      <c r="K62" s="362"/>
      <c r="L62" s="362"/>
      <c r="M62" s="362"/>
      <c r="N62" s="362"/>
      <c r="O62" s="362"/>
      <c r="P62" s="362"/>
      <c r="Q62" s="362"/>
      <c r="R62" s="362"/>
      <c r="S62" s="362"/>
      <c r="T62" s="362"/>
      <c r="U62" s="362"/>
      <c r="V62" s="362"/>
      <c r="W62" s="362"/>
      <c r="X62" s="362"/>
      <c r="Y62" s="362"/>
      <c r="Z62" s="362"/>
      <c r="AA62" s="362"/>
      <c r="AB62" s="362"/>
      <c r="AC62" s="362"/>
      <c r="AD62" s="362"/>
      <c r="AE62" s="362"/>
      <c r="AF62" s="362"/>
      <c r="AG62" s="362"/>
      <c r="AH62" s="362"/>
      <c r="AI62" s="362"/>
      <c r="AJ62" s="362"/>
      <c r="AK62" s="362"/>
      <c r="AL62" s="362"/>
      <c r="AM62" s="362"/>
      <c r="AN62" s="362"/>
      <c r="AO62" s="362"/>
      <c r="AP62" s="362"/>
      <c r="AQ62" s="362"/>
      <c r="AR62" s="362"/>
      <c r="AS62" s="362"/>
    </row>
    <row r="63" spans="1:56" ht="37.5" customHeight="1">
      <c r="A63" s="62"/>
      <c r="B63" s="366" t="s">
        <v>88</v>
      </c>
      <c r="C63" s="367"/>
      <c r="D63" s="367"/>
      <c r="E63" s="367"/>
      <c r="F63" s="367"/>
      <c r="G63" s="367"/>
      <c r="H63" s="367"/>
      <c r="I63" s="367"/>
      <c r="J63" s="367"/>
      <c r="K63" s="367"/>
      <c r="L63" s="368"/>
      <c r="M63" s="366" t="s">
        <v>89</v>
      </c>
      <c r="N63" s="367"/>
      <c r="O63" s="367"/>
      <c r="P63" s="367"/>
      <c r="Q63" s="367"/>
      <c r="R63" s="367"/>
      <c r="S63" s="367"/>
      <c r="T63" s="367"/>
      <c r="U63" s="367"/>
      <c r="V63" s="367"/>
      <c r="W63" s="368"/>
      <c r="X63" s="366" t="s">
        <v>90</v>
      </c>
      <c r="Y63" s="367"/>
      <c r="Z63" s="367"/>
      <c r="AA63" s="367"/>
      <c r="AB63" s="367"/>
      <c r="AC63" s="367"/>
      <c r="AD63" s="367"/>
      <c r="AE63" s="367"/>
      <c r="AF63" s="367"/>
      <c r="AG63" s="367"/>
      <c r="AH63" s="368"/>
      <c r="AI63" s="366" t="s">
        <v>527</v>
      </c>
      <c r="AJ63" s="367"/>
      <c r="AK63" s="367"/>
      <c r="AL63" s="367"/>
      <c r="AM63" s="367"/>
      <c r="AN63" s="367"/>
      <c r="AO63" s="367"/>
      <c r="AP63" s="367"/>
      <c r="AQ63" s="367"/>
      <c r="AR63" s="367"/>
      <c r="AS63" s="368"/>
    </row>
    <row r="64" spans="1:56" ht="72">
      <c r="A64" s="35" t="s">
        <v>70</v>
      </c>
      <c r="B64" s="36" t="s">
        <v>71</v>
      </c>
      <c r="C64" s="37" t="s">
        <v>551</v>
      </c>
      <c r="D64" s="38" t="s">
        <v>72</v>
      </c>
      <c r="E64" s="36" t="s">
        <v>161</v>
      </c>
      <c r="F64" s="87" t="s">
        <v>91</v>
      </c>
      <c r="G64" s="36" t="s">
        <v>162</v>
      </c>
      <c r="H64" s="87" t="s">
        <v>92</v>
      </c>
      <c r="I64" s="36" t="s">
        <v>163</v>
      </c>
      <c r="J64" s="87" t="s">
        <v>93</v>
      </c>
      <c r="K64" s="36" t="s">
        <v>300</v>
      </c>
      <c r="L64" s="87" t="s">
        <v>299</v>
      </c>
      <c r="M64" s="63" t="s">
        <v>71</v>
      </c>
      <c r="N64" s="64" t="s">
        <v>551</v>
      </c>
      <c r="O64" s="65" t="s">
        <v>72</v>
      </c>
      <c r="P64" s="63" t="s">
        <v>164</v>
      </c>
      <c r="Q64" s="86" t="s">
        <v>94</v>
      </c>
      <c r="R64" s="63" t="s">
        <v>165</v>
      </c>
      <c r="S64" s="86" t="s">
        <v>95</v>
      </c>
      <c r="T64" s="63" t="s">
        <v>166</v>
      </c>
      <c r="U64" s="86" t="s">
        <v>96</v>
      </c>
      <c r="V64" s="63" t="s">
        <v>300</v>
      </c>
      <c r="W64" s="86" t="s">
        <v>299</v>
      </c>
      <c r="X64" s="36" t="s">
        <v>71</v>
      </c>
      <c r="Y64" s="37" t="s">
        <v>551</v>
      </c>
      <c r="Z64" s="38" t="s">
        <v>72</v>
      </c>
      <c r="AA64" s="36" t="s">
        <v>167</v>
      </c>
      <c r="AB64" s="87" t="s">
        <v>97</v>
      </c>
      <c r="AC64" s="36" t="s">
        <v>168</v>
      </c>
      <c r="AD64" s="87" t="s">
        <v>98</v>
      </c>
      <c r="AE64" s="36" t="s">
        <v>169</v>
      </c>
      <c r="AF64" s="87" t="s">
        <v>99</v>
      </c>
      <c r="AG64" s="36" t="s">
        <v>300</v>
      </c>
      <c r="AH64" s="87" t="s">
        <v>299</v>
      </c>
      <c r="AI64" s="63" t="s">
        <v>71</v>
      </c>
      <c r="AJ64" s="64" t="s">
        <v>551</v>
      </c>
      <c r="AK64" s="65" t="s">
        <v>72</v>
      </c>
      <c r="AL64" s="63" t="s">
        <v>170</v>
      </c>
      <c r="AM64" s="86" t="s">
        <v>100</v>
      </c>
      <c r="AN64" s="63" t="s">
        <v>171</v>
      </c>
      <c r="AO64" s="86" t="s">
        <v>101</v>
      </c>
      <c r="AP64" s="63" t="s">
        <v>172</v>
      </c>
      <c r="AQ64" s="86" t="s">
        <v>102</v>
      </c>
      <c r="AR64" s="63" t="s">
        <v>300</v>
      </c>
      <c r="AS64" s="86" t="s">
        <v>299</v>
      </c>
    </row>
    <row r="65" spans="1:45" ht="93" customHeight="1">
      <c r="A65" s="39"/>
      <c r="B65" s="40" t="s">
        <v>73</v>
      </c>
      <c r="C65" s="41" t="s">
        <v>103</v>
      </c>
      <c r="D65" s="42" t="s">
        <v>75</v>
      </c>
      <c r="E65" s="40" t="s">
        <v>158</v>
      </c>
      <c r="F65" s="89" t="s">
        <v>87</v>
      </c>
      <c r="G65" s="40" t="s">
        <v>159</v>
      </c>
      <c r="H65" s="89" t="s">
        <v>87</v>
      </c>
      <c r="I65" s="40" t="s">
        <v>160</v>
      </c>
      <c r="J65" s="89" t="s">
        <v>87</v>
      </c>
      <c r="K65" s="40" t="s">
        <v>300</v>
      </c>
      <c r="L65" s="89" t="s">
        <v>87</v>
      </c>
      <c r="M65" s="66" t="s">
        <v>73</v>
      </c>
      <c r="N65" s="67" t="s">
        <v>103</v>
      </c>
      <c r="O65" s="68" t="s">
        <v>75</v>
      </c>
      <c r="P65" s="66" t="s">
        <v>158</v>
      </c>
      <c r="Q65" s="88" t="s">
        <v>87</v>
      </c>
      <c r="R65" s="66" t="s">
        <v>159</v>
      </c>
      <c r="S65" s="88" t="s">
        <v>87</v>
      </c>
      <c r="T65" s="66" t="s">
        <v>160</v>
      </c>
      <c r="U65" s="88" t="s">
        <v>87</v>
      </c>
      <c r="V65" s="66" t="s">
        <v>300</v>
      </c>
      <c r="W65" s="88" t="s">
        <v>87</v>
      </c>
      <c r="X65" s="40" t="s">
        <v>73</v>
      </c>
      <c r="Y65" s="41" t="s">
        <v>103</v>
      </c>
      <c r="Z65" s="42" t="s">
        <v>75</v>
      </c>
      <c r="AA65" s="40" t="s">
        <v>158</v>
      </c>
      <c r="AB65" s="89" t="s">
        <v>87</v>
      </c>
      <c r="AC65" s="40" t="s">
        <v>159</v>
      </c>
      <c r="AD65" s="89" t="s">
        <v>87</v>
      </c>
      <c r="AE65" s="40" t="s">
        <v>160</v>
      </c>
      <c r="AF65" s="89" t="s">
        <v>87</v>
      </c>
      <c r="AG65" s="40" t="s">
        <v>300</v>
      </c>
      <c r="AH65" s="89" t="s">
        <v>87</v>
      </c>
      <c r="AI65" s="66" t="s">
        <v>73</v>
      </c>
      <c r="AJ65" s="67" t="s">
        <v>103</v>
      </c>
      <c r="AK65" s="68" t="s">
        <v>75</v>
      </c>
      <c r="AL65" s="66" t="s">
        <v>158</v>
      </c>
      <c r="AM65" s="88" t="s">
        <v>87</v>
      </c>
      <c r="AN65" s="66" t="s">
        <v>159</v>
      </c>
      <c r="AO65" s="88" t="s">
        <v>87</v>
      </c>
      <c r="AP65" s="66" t="s">
        <v>160</v>
      </c>
      <c r="AQ65" s="88" t="s">
        <v>87</v>
      </c>
      <c r="AR65" s="66" t="s">
        <v>300</v>
      </c>
      <c r="AS65" s="88" t="s">
        <v>87</v>
      </c>
    </row>
    <row r="66" spans="1:45">
      <c r="A66" s="43" t="s">
        <v>348</v>
      </c>
      <c r="B66" s="98">
        <v>9587</v>
      </c>
      <c r="C66" s="99">
        <v>4.7645673363610266</v>
      </c>
      <c r="D66" s="100">
        <v>3.2470281938239864E-2</v>
      </c>
      <c r="E66" s="101">
        <v>0.19260779367091921</v>
      </c>
      <c r="F66" s="92">
        <v>8.0554027415301651E-3</v>
      </c>
      <c r="G66" s="101">
        <v>0.1910011506598602</v>
      </c>
      <c r="H66" s="92">
        <v>8.0297470112099534E-3</v>
      </c>
      <c r="I66" s="101">
        <v>0.59332223383235894</v>
      </c>
      <c r="J66" s="92">
        <v>1.0031713314593604E-2</v>
      </c>
      <c r="K66" s="91">
        <v>2.3068821836876016E-2</v>
      </c>
      <c r="L66" s="92">
        <v>3.0786677539269953E-3</v>
      </c>
      <c r="M66" s="98">
        <v>9525</v>
      </c>
      <c r="N66" s="99">
        <v>4.8634041288784955</v>
      </c>
      <c r="O66" s="100">
        <v>2.8981977849818125E-2</v>
      </c>
      <c r="P66" s="101">
        <v>0.15211679045525403</v>
      </c>
      <c r="Q66" s="92">
        <v>7.3609502787117158E-3</v>
      </c>
      <c r="R66" s="101">
        <v>0.2139504044151809</v>
      </c>
      <c r="S66" s="92">
        <v>8.4038157902556615E-3</v>
      </c>
      <c r="T66" s="101">
        <v>0.61699650465571054</v>
      </c>
      <c r="U66" s="92">
        <v>9.9600062311628133E-3</v>
      </c>
      <c r="V66" s="91">
        <v>1.6936300473869743E-2</v>
      </c>
      <c r="W66" s="92">
        <v>2.6591698489265765E-3</v>
      </c>
      <c r="X66" s="98">
        <v>9532</v>
      </c>
      <c r="Y66" s="99">
        <v>4.5434250236800198</v>
      </c>
      <c r="Z66" s="100">
        <v>3.2096927325012257E-2</v>
      </c>
      <c r="AA66" s="101">
        <v>0.21102858220833592</v>
      </c>
      <c r="AB66" s="92">
        <v>8.3587142342470694E-3</v>
      </c>
      <c r="AC66" s="101">
        <v>0.22363503398901788</v>
      </c>
      <c r="AD66" s="92">
        <v>8.5355176633382865E-3</v>
      </c>
      <c r="AE66" s="101">
        <v>0.51770555079985736</v>
      </c>
      <c r="AF66" s="92">
        <v>1.0233981926751921E-2</v>
      </c>
      <c r="AG66" s="91">
        <v>4.7630833002804358E-2</v>
      </c>
      <c r="AH66" s="92">
        <v>4.3703247696647738E-3</v>
      </c>
      <c r="AI66" s="98">
        <v>9523</v>
      </c>
      <c r="AJ66" s="99">
        <v>5.0396573548051702</v>
      </c>
      <c r="AK66" s="100">
        <v>2.9709827966179159E-2</v>
      </c>
      <c r="AL66" s="101">
        <v>0.13259713198835449</v>
      </c>
      <c r="AM66" s="92">
        <v>6.9525361740756355E-3</v>
      </c>
      <c r="AN66" s="101">
        <v>0.18688087604825138</v>
      </c>
      <c r="AO66" s="92">
        <v>7.9896733487732109E-3</v>
      </c>
      <c r="AP66" s="101">
        <v>0.67007233551241685</v>
      </c>
      <c r="AQ66" s="92">
        <v>9.6348725483679353E-3</v>
      </c>
      <c r="AR66" s="91">
        <v>1.0449656450990847E-2</v>
      </c>
      <c r="AS66" s="92">
        <v>2.103810063985888E-3</v>
      </c>
    </row>
    <row r="67" spans="1:45">
      <c r="A67" s="47" t="s">
        <v>349</v>
      </c>
      <c r="B67" s="102">
        <v>7203</v>
      </c>
      <c r="C67" s="103">
        <v>4.7479309104914273</v>
      </c>
      <c r="D67" s="104">
        <v>3.7710878836364599E-2</v>
      </c>
      <c r="E67" s="105">
        <v>0.19515814002687937</v>
      </c>
      <c r="F67" s="95">
        <v>9.3399353216683054E-3</v>
      </c>
      <c r="G67" s="105">
        <v>0.19035355791910077</v>
      </c>
      <c r="H67" s="95">
        <v>9.2518972962617949E-3</v>
      </c>
      <c r="I67" s="105">
        <v>0.5939864969946318</v>
      </c>
      <c r="J67" s="95">
        <v>1.1569646394047898E-2</v>
      </c>
      <c r="K67" s="94">
        <v>2.0501805059392125E-2</v>
      </c>
      <c r="L67" s="95">
        <v>3.3596357772601505E-3</v>
      </c>
      <c r="M67" s="102">
        <v>7153</v>
      </c>
      <c r="N67" s="103">
        <v>4.942380447568687</v>
      </c>
      <c r="O67" s="104">
        <v>3.3352412965629775E-2</v>
      </c>
      <c r="P67" s="105">
        <v>0.14204428375844136</v>
      </c>
      <c r="Q67" s="95">
        <v>8.2577890463465947E-3</v>
      </c>
      <c r="R67" s="105">
        <v>0.20676950433505983</v>
      </c>
      <c r="S67" s="95">
        <v>9.5771128563941522E-3</v>
      </c>
      <c r="T67" s="105">
        <v>0.63794247605367704</v>
      </c>
      <c r="U67" s="95">
        <v>1.1362241746809646E-2</v>
      </c>
      <c r="V67" s="94">
        <v>1.3243735852824789E-2</v>
      </c>
      <c r="W67" s="95">
        <v>2.7297955825830856E-3</v>
      </c>
      <c r="X67" s="102">
        <v>7160</v>
      </c>
      <c r="Y67" s="103">
        <v>4.406807802240631</v>
      </c>
      <c r="Z67" s="104">
        <v>3.768881409209994E-2</v>
      </c>
      <c r="AA67" s="105">
        <v>0.24370743026260969</v>
      </c>
      <c r="AB67" s="95">
        <v>1.0146537980582904E-2</v>
      </c>
      <c r="AC67" s="105">
        <v>0.225137811468125</v>
      </c>
      <c r="AD67" s="95">
        <v>9.8717380005026983E-3</v>
      </c>
      <c r="AE67" s="105">
        <v>0.48723641608191742</v>
      </c>
      <c r="AF67" s="95">
        <v>1.1810840982307648E-2</v>
      </c>
      <c r="AG67" s="94">
        <v>4.3918342187352577E-2</v>
      </c>
      <c r="AH67" s="95">
        <v>4.8553470116026376E-3</v>
      </c>
      <c r="AI67" s="102">
        <v>7151</v>
      </c>
      <c r="AJ67" s="103">
        <v>5.1012093799995002</v>
      </c>
      <c r="AK67" s="104">
        <v>3.4352209260024504E-2</v>
      </c>
      <c r="AL67" s="105">
        <v>0.12875691863748154</v>
      </c>
      <c r="AM67" s="95">
        <v>7.924614397251872E-3</v>
      </c>
      <c r="AN67" s="105">
        <v>0.17678537881662404</v>
      </c>
      <c r="AO67" s="95">
        <v>9.0235837056217814E-3</v>
      </c>
      <c r="AP67" s="105">
        <v>0.68718981784452582</v>
      </c>
      <c r="AQ67" s="95">
        <v>1.0963356522155991E-2</v>
      </c>
      <c r="AR67" s="94">
        <v>7.2678847013721605E-3</v>
      </c>
      <c r="AS67" s="95">
        <v>2.0457990671446584E-3</v>
      </c>
    </row>
    <row r="68" spans="1:45">
      <c r="A68" s="43" t="s">
        <v>350</v>
      </c>
      <c r="B68" s="98">
        <v>2384</v>
      </c>
      <c r="C68" s="99">
        <v>4.7811048007923818</v>
      </c>
      <c r="D68" s="100">
        <v>6.3701856656381756E-2</v>
      </c>
      <c r="E68" s="101">
        <v>0.19008583215813676</v>
      </c>
      <c r="F68" s="92">
        <v>1.6075341035770102E-2</v>
      </c>
      <c r="G68" s="101">
        <v>0.19164153582335763</v>
      </c>
      <c r="H68" s="92">
        <v>1.612520802485078E-2</v>
      </c>
      <c r="I68" s="101">
        <v>0.5926653637857785</v>
      </c>
      <c r="J68" s="92">
        <v>2.0110326896807636E-2</v>
      </c>
      <c r="K68" s="91">
        <v>2.5607268232729699E-2</v>
      </c>
      <c r="L68" s="92">
        <v>6.5617586368503754E-3</v>
      </c>
      <c r="M68" s="98">
        <v>2372</v>
      </c>
      <c r="N68" s="99">
        <v>4.7849602358788701</v>
      </c>
      <c r="O68" s="100">
        <v>5.8225632643737299E-2</v>
      </c>
      <c r="P68" s="101">
        <v>0.1620470442860093</v>
      </c>
      <c r="Q68" s="92">
        <v>1.5140866549873639E-2</v>
      </c>
      <c r="R68" s="101">
        <v>0.22102988946049026</v>
      </c>
      <c r="S68" s="92">
        <v>1.7038157395403375E-2</v>
      </c>
      <c r="T68" s="101">
        <v>0.59634635082859999</v>
      </c>
      <c r="U68" s="92">
        <v>2.0132081077849626E-2</v>
      </c>
      <c r="V68" s="91">
        <v>2.0576715424902456E-2</v>
      </c>
      <c r="W68" s="92">
        <v>5.9354776152824619E-3</v>
      </c>
      <c r="X68" s="98">
        <v>2372</v>
      </c>
      <c r="Y68" s="99">
        <v>4.6795675511580068</v>
      </c>
      <c r="Z68" s="100">
        <v>6.0088393487999082E-2</v>
      </c>
      <c r="AA68" s="101">
        <v>0.17871477233453401</v>
      </c>
      <c r="AB68" s="92">
        <v>1.5737913760833624E-2</v>
      </c>
      <c r="AC68" s="101">
        <v>0.22214904324472934</v>
      </c>
      <c r="AD68" s="92">
        <v>1.706881317262236E-2</v>
      </c>
      <c r="AE68" s="101">
        <v>0.54783433087983369</v>
      </c>
      <c r="AF68" s="92">
        <v>2.0421467150458297E-2</v>
      </c>
      <c r="AG68" s="91">
        <v>5.1301853540904302E-2</v>
      </c>
      <c r="AH68" s="92">
        <v>9.1146163776364073E-3</v>
      </c>
      <c r="AI68" s="98">
        <v>2372</v>
      </c>
      <c r="AJ68" s="99">
        <v>4.9785221347237956</v>
      </c>
      <c r="AK68" s="100">
        <v>5.9095460341213164E-2</v>
      </c>
      <c r="AL68" s="101">
        <v>0.13638705150860969</v>
      </c>
      <c r="AM68" s="92">
        <v>1.4108192763953682E-2</v>
      </c>
      <c r="AN68" s="101">
        <v>0.19684415634780802</v>
      </c>
      <c r="AO68" s="92">
        <v>1.6330226114806935E-2</v>
      </c>
      <c r="AP68" s="101">
        <v>0.65317903441146385</v>
      </c>
      <c r="AQ68" s="92">
        <v>1.9532202524649853E-2</v>
      </c>
      <c r="AR68" s="91">
        <v>1.35897577321204E-2</v>
      </c>
      <c r="AS68" s="92">
        <v>4.8895238745895594E-3</v>
      </c>
    </row>
    <row r="69" spans="1:45">
      <c r="A69" s="47" t="s">
        <v>574</v>
      </c>
      <c r="B69" s="102">
        <v>3341</v>
      </c>
      <c r="C69" s="103">
        <v>4.8063874257857941</v>
      </c>
      <c r="D69" s="104">
        <v>5.4116445281811316E-2</v>
      </c>
      <c r="E69" s="105">
        <v>0.1846164979699354</v>
      </c>
      <c r="F69" s="95">
        <v>1.3427366117513787E-2</v>
      </c>
      <c r="G69" s="105">
        <v>0.18637594153455694</v>
      </c>
      <c r="H69" s="95">
        <v>1.3476439057052359E-2</v>
      </c>
      <c r="I69" s="105">
        <v>0.60321727379118917</v>
      </c>
      <c r="J69" s="95">
        <v>1.6918751031164036E-2</v>
      </c>
      <c r="K69" s="94">
        <v>2.5790286704318866E-2</v>
      </c>
      <c r="L69" s="95">
        <v>5.5396538759498581E-3</v>
      </c>
      <c r="M69" s="102">
        <v>3314</v>
      </c>
      <c r="N69" s="103">
        <v>4.8037547752831111</v>
      </c>
      <c r="O69" s="104">
        <v>4.9731801383201157E-2</v>
      </c>
      <c r="P69" s="105">
        <v>0.16366020311065352</v>
      </c>
      <c r="Q69" s="95">
        <v>1.2858394620667133E-2</v>
      </c>
      <c r="R69" s="105">
        <v>0.21445019246649147</v>
      </c>
      <c r="S69" s="95">
        <v>1.4259194811661302E-2</v>
      </c>
      <c r="T69" s="105">
        <v>0.60248076957434493</v>
      </c>
      <c r="U69" s="95">
        <v>1.6992818347070615E-2</v>
      </c>
      <c r="V69" s="94">
        <v>1.940883484851056E-2</v>
      </c>
      <c r="W69" s="95">
        <v>4.8595314835414155E-3</v>
      </c>
      <c r="X69" s="102">
        <v>3321</v>
      </c>
      <c r="Y69" s="103">
        <v>4.6643048199304307</v>
      </c>
      <c r="Z69" s="104">
        <v>5.1095746778586096E-2</v>
      </c>
      <c r="AA69" s="105">
        <v>0.17768117372740386</v>
      </c>
      <c r="AB69" s="95">
        <v>1.326923666543727E-2</v>
      </c>
      <c r="AC69" s="105">
        <v>0.22476094209212025</v>
      </c>
      <c r="AD69" s="95">
        <v>1.4485694171270151E-2</v>
      </c>
      <c r="AE69" s="105">
        <v>0.54564679914975367</v>
      </c>
      <c r="AF69" s="95">
        <v>1.726995321822258E-2</v>
      </c>
      <c r="AG69" s="94">
        <v>5.1911085030722809E-2</v>
      </c>
      <c r="AH69" s="95">
        <v>7.7322970544684679E-3</v>
      </c>
      <c r="AI69" s="102">
        <v>3312</v>
      </c>
      <c r="AJ69" s="103">
        <v>5.0233633480013005</v>
      </c>
      <c r="AK69" s="104">
        <v>5.0807205003356934E-2</v>
      </c>
      <c r="AL69" s="105">
        <v>0.13375594645614311</v>
      </c>
      <c r="AM69" s="95">
        <v>1.1838718353231033E-2</v>
      </c>
      <c r="AN69" s="105">
        <v>0.18747671141398037</v>
      </c>
      <c r="AO69" s="95">
        <v>1.3565935448550644E-2</v>
      </c>
      <c r="AP69" s="105">
        <v>0.6676402105689021</v>
      </c>
      <c r="AQ69" s="95">
        <v>1.6363059666441807E-2</v>
      </c>
      <c r="AR69" s="94">
        <v>1.1127131560974925E-2</v>
      </c>
      <c r="AS69" s="95">
        <v>3.7373931308801998E-3</v>
      </c>
    </row>
    <row r="70" spans="1:45">
      <c r="A70" s="43" t="s">
        <v>575</v>
      </c>
      <c r="B70" s="98">
        <v>3726</v>
      </c>
      <c r="C70" s="99">
        <v>4.8055756848140518</v>
      </c>
      <c r="D70" s="100">
        <v>5.0715198318869135E-2</v>
      </c>
      <c r="E70" s="101">
        <v>0.18297275602613017</v>
      </c>
      <c r="F70" s="92">
        <v>1.2670676033681071E-2</v>
      </c>
      <c r="G70" s="101">
        <v>0.19139423218052326</v>
      </c>
      <c r="H70" s="92">
        <v>1.2891239551778861E-2</v>
      </c>
      <c r="I70" s="101">
        <v>0.60887501316338266</v>
      </c>
      <c r="J70" s="92">
        <v>1.5981612809687538E-2</v>
      </c>
      <c r="K70" s="91">
        <v>1.6757998629961357E-2</v>
      </c>
      <c r="L70" s="92">
        <v>4.2669316180770391E-3</v>
      </c>
      <c r="M70" s="98">
        <v>3701</v>
      </c>
      <c r="N70" s="99">
        <v>4.9911181612462743</v>
      </c>
      <c r="O70" s="100">
        <v>4.5612260938682751E-2</v>
      </c>
      <c r="P70" s="101">
        <v>0.12714554092874106</v>
      </c>
      <c r="Q70" s="92">
        <v>1.0960834183947993E-2</v>
      </c>
      <c r="R70" s="101">
        <v>0.2117559298137375</v>
      </c>
      <c r="S70" s="92">
        <v>1.3431272920135627E-2</v>
      </c>
      <c r="T70" s="101">
        <v>0.65084740699890942</v>
      </c>
      <c r="U70" s="92">
        <v>1.5664986848342104E-2</v>
      </c>
      <c r="V70" s="91">
        <v>1.0251122258610485E-2</v>
      </c>
      <c r="W70" s="92">
        <v>3.3930405037783315E-3</v>
      </c>
      <c r="X70" s="98">
        <v>3705</v>
      </c>
      <c r="Y70" s="99">
        <v>4.4876716361214326</v>
      </c>
      <c r="Z70" s="100">
        <v>5.0719778147680653E-2</v>
      </c>
      <c r="AA70" s="101">
        <v>0.22348615631992491</v>
      </c>
      <c r="AB70" s="92">
        <v>1.3686980306685999E-2</v>
      </c>
      <c r="AC70" s="101">
        <v>0.23305021522704653</v>
      </c>
      <c r="AD70" s="92">
        <v>1.3889811572442944E-2</v>
      </c>
      <c r="AE70" s="101">
        <v>0.50050634580935915</v>
      </c>
      <c r="AF70" s="92">
        <v>1.6419932260185875E-2</v>
      </c>
      <c r="AG70" s="91">
        <v>4.2957282643668222E-2</v>
      </c>
      <c r="AH70" s="92">
        <v>6.6950093037910635E-3</v>
      </c>
      <c r="AI70" s="98">
        <v>3704</v>
      </c>
      <c r="AJ70" s="99">
        <v>5.1172957457534638</v>
      </c>
      <c r="AK70" s="100">
        <v>4.6415442732588824E-2</v>
      </c>
      <c r="AL70" s="101">
        <v>0.12148496194455198</v>
      </c>
      <c r="AM70" s="92">
        <v>1.0745426849832346E-2</v>
      </c>
      <c r="AN70" s="101">
        <v>0.18262662196365881</v>
      </c>
      <c r="AO70" s="92">
        <v>1.2698959749499921E-2</v>
      </c>
      <c r="AP70" s="101">
        <v>0.6913441309045083</v>
      </c>
      <c r="AQ70" s="92">
        <v>1.5174866110966684E-2</v>
      </c>
      <c r="AR70" s="91">
        <v>4.5442851872797754E-3</v>
      </c>
      <c r="AS70" s="92">
        <v>2.3347114735277623E-3</v>
      </c>
    </row>
    <row r="71" spans="1:45">
      <c r="A71" s="47" t="s">
        <v>576</v>
      </c>
      <c r="B71" s="102">
        <v>2068</v>
      </c>
      <c r="C71" s="103">
        <v>4.5179468525687625</v>
      </c>
      <c r="D71" s="104">
        <v>7.1522555580188371E-2</v>
      </c>
      <c r="E71" s="105">
        <v>0.23932895280565891</v>
      </c>
      <c r="F71" s="95">
        <v>1.8760464508109042E-2</v>
      </c>
      <c r="G71" s="105">
        <v>0.2071875865598696</v>
      </c>
      <c r="H71" s="95">
        <v>1.7825386977897015E-2</v>
      </c>
      <c r="I71" s="105">
        <v>0.53717632959833339</v>
      </c>
      <c r="J71" s="95">
        <v>2.1908164394691801E-2</v>
      </c>
      <c r="K71" s="94">
        <v>1.6307131036135115E-2</v>
      </c>
      <c r="L71" s="95">
        <v>5.719244149156001E-3</v>
      </c>
      <c r="M71" s="102">
        <v>2060</v>
      </c>
      <c r="N71" s="103">
        <v>4.9203658948778219</v>
      </c>
      <c r="O71" s="104">
        <v>6.2279406408755816E-2</v>
      </c>
      <c r="P71" s="105">
        <v>0.13831101877549204</v>
      </c>
      <c r="Q71" s="95">
        <v>1.5229996386629979E-2</v>
      </c>
      <c r="R71" s="105">
        <v>0.21999410452942922</v>
      </c>
      <c r="S71" s="95">
        <v>1.8252125967355769E-2</v>
      </c>
      <c r="T71" s="105">
        <v>0.62986032118755575</v>
      </c>
      <c r="U71" s="95">
        <v>2.1258905878170028E-2</v>
      </c>
      <c r="V71" s="94">
        <v>1.1834555507520432E-2</v>
      </c>
      <c r="W71" s="95">
        <v>4.9449035138479942E-3</v>
      </c>
      <c r="X71" s="102">
        <v>2057</v>
      </c>
      <c r="Y71" s="103">
        <v>4.0273449237082488</v>
      </c>
      <c r="Z71" s="104">
        <v>7.1979943698830706E-2</v>
      </c>
      <c r="AA71" s="105">
        <v>0.34813339562351986</v>
      </c>
      <c r="AB71" s="95">
        <v>2.0990789366614738E-2</v>
      </c>
      <c r="AC71" s="105">
        <v>0.21687434349852253</v>
      </c>
      <c r="AD71" s="95">
        <v>1.8172215738371064E-2</v>
      </c>
      <c r="AE71" s="105">
        <v>0.40383507852441647</v>
      </c>
      <c r="AF71" s="95">
        <v>2.1617654518310363E-2</v>
      </c>
      <c r="AG71" s="94">
        <v>3.1157182353538131E-2</v>
      </c>
      <c r="AH71" s="95">
        <v>7.7614625660349639E-3</v>
      </c>
      <c r="AI71" s="102">
        <v>2056</v>
      </c>
      <c r="AJ71" s="103">
        <v>4.9611372470404209</v>
      </c>
      <c r="AK71" s="104">
        <v>6.425018488221082E-2</v>
      </c>
      <c r="AL71" s="105">
        <v>0.14081611834918051</v>
      </c>
      <c r="AM71" s="95">
        <v>1.5358971593366241E-2</v>
      </c>
      <c r="AN71" s="105">
        <v>0.20351365899995322</v>
      </c>
      <c r="AO71" s="95">
        <v>1.7759826680110256E-2</v>
      </c>
      <c r="AP71" s="105">
        <v>0.64619150582981877</v>
      </c>
      <c r="AQ71" s="95">
        <v>2.1073655431965255E-2</v>
      </c>
      <c r="AR71" s="94">
        <v>9.4787168210459169E-3</v>
      </c>
      <c r="AS71" s="95">
        <v>4.4769909504238014E-3</v>
      </c>
    </row>
    <row r="72" spans="1:45">
      <c r="A72" s="43" t="s">
        <v>577</v>
      </c>
      <c r="B72" s="98">
        <v>289</v>
      </c>
      <c r="C72" s="99">
        <v>4.0587456503278192</v>
      </c>
      <c r="D72" s="100">
        <v>0.19754363558082502</v>
      </c>
      <c r="E72" s="101">
        <v>0.3052710901867467</v>
      </c>
      <c r="F72" s="92">
        <v>5.3938268985603187E-2</v>
      </c>
      <c r="G72" s="101">
        <v>0.31027273483402668</v>
      </c>
      <c r="H72" s="92">
        <v>5.4174499231528013E-2</v>
      </c>
      <c r="I72" s="101">
        <v>0.37485948046656403</v>
      </c>
      <c r="J72" s="92">
        <v>5.6612509936664723E-2</v>
      </c>
      <c r="K72" s="91">
        <v>9.5966945126629895E-3</v>
      </c>
      <c r="L72" s="92">
        <v>1.4791475866705409E-2</v>
      </c>
      <c r="M72" s="98">
        <v>289</v>
      </c>
      <c r="N72" s="99">
        <v>4.7809155737705495</v>
      </c>
      <c r="O72" s="100">
        <v>0.17284933299500557</v>
      </c>
      <c r="P72" s="101">
        <v>0.16697877909397507</v>
      </c>
      <c r="Q72" s="92">
        <v>4.4045317788742239E-2</v>
      </c>
      <c r="R72" s="101">
        <v>0.24007058535492137</v>
      </c>
      <c r="S72" s="92">
        <v>5.0155912426266921E-2</v>
      </c>
      <c r="T72" s="101">
        <v>0.57966675063940221</v>
      </c>
      <c r="U72" s="92">
        <v>5.7694655491348203E-2</v>
      </c>
      <c r="V72" s="91">
        <v>1.3283884911701561E-2</v>
      </c>
      <c r="W72" s="92">
        <v>1.6329093973435266E-2</v>
      </c>
      <c r="X72" s="98">
        <v>286</v>
      </c>
      <c r="Y72" s="99">
        <v>3.8534550517440795</v>
      </c>
      <c r="Z72" s="100">
        <v>0.18599882393705358</v>
      </c>
      <c r="AA72" s="101">
        <v>0.41724455306379293</v>
      </c>
      <c r="AB72" s="92">
        <v>5.7934464309955649E-2</v>
      </c>
      <c r="AC72" s="101">
        <v>0.1923660790453123</v>
      </c>
      <c r="AD72" s="92">
        <v>4.6676300789488111E-2</v>
      </c>
      <c r="AE72" s="101">
        <v>0.35913307880356121</v>
      </c>
      <c r="AF72" s="92">
        <v>5.6409847746428848E-2</v>
      </c>
      <c r="AG72" s="91">
        <v>3.1256289087333855E-2</v>
      </c>
      <c r="AH72" s="92">
        <v>2.2375723129723014E-2</v>
      </c>
      <c r="AI72" s="98">
        <v>288</v>
      </c>
      <c r="AJ72" s="99">
        <v>5.0609996490211149</v>
      </c>
      <c r="AK72" s="100">
        <v>0.18359011862084948</v>
      </c>
      <c r="AL72" s="101">
        <v>0.15592359102121758</v>
      </c>
      <c r="AM72" s="92">
        <v>4.2977013844235815E-2</v>
      </c>
      <c r="AN72" s="101">
        <v>0.15874425340085213</v>
      </c>
      <c r="AO72" s="92">
        <v>4.3275673111194207E-2</v>
      </c>
      <c r="AP72" s="101">
        <v>0.67523796433786754</v>
      </c>
      <c r="AQ72" s="92">
        <v>5.491303434052338E-2</v>
      </c>
      <c r="AR72" s="91">
        <v>1.0094191240063116E-2</v>
      </c>
      <c r="AS72" s="92">
        <v>1.5044597615187224E-2</v>
      </c>
    </row>
    <row r="73" spans="1:45">
      <c r="A73" s="47" t="s">
        <v>578</v>
      </c>
      <c r="B73" s="102">
        <v>95</v>
      </c>
      <c r="C73" s="103">
        <v>4.1619213042839203</v>
      </c>
      <c r="D73" s="104">
        <v>0.35594213540938091</v>
      </c>
      <c r="E73" s="105">
        <v>0.30826785906663962</v>
      </c>
      <c r="F73" s="95">
        <v>9.3452170468215912E-2</v>
      </c>
      <c r="G73" s="105">
        <v>0.20992756442507701</v>
      </c>
      <c r="H73" s="95">
        <v>8.3489544834635721E-2</v>
      </c>
      <c r="I73" s="105">
        <v>0.46612422290564709</v>
      </c>
      <c r="J73" s="95">
        <v>0.10029115012295044</v>
      </c>
      <c r="K73" s="94">
        <v>1.5680353602635907E-2</v>
      </c>
      <c r="L73" s="95">
        <v>3.7067421269401261E-2</v>
      </c>
      <c r="M73" s="102">
        <v>95</v>
      </c>
      <c r="N73" s="103">
        <v>5.0698332708512348</v>
      </c>
      <c r="O73" s="104">
        <v>0.32192409692695589</v>
      </c>
      <c r="P73" s="105">
        <v>0.16779699700167547</v>
      </c>
      <c r="Q73" s="95">
        <v>7.7428074454586937E-2</v>
      </c>
      <c r="R73" s="105">
        <v>0.12656757249133854</v>
      </c>
      <c r="S73" s="95">
        <v>7.0090677050152289E-2</v>
      </c>
      <c r="T73" s="105">
        <v>0.70563543050698585</v>
      </c>
      <c r="U73" s="95">
        <v>9.2345876706643168E-2</v>
      </c>
      <c r="V73" s="94">
        <v>0</v>
      </c>
      <c r="W73" s="95">
        <v>2.8279912978147775E-2</v>
      </c>
      <c r="X73" s="102">
        <v>95</v>
      </c>
      <c r="Y73" s="103">
        <v>3.6085398466020107</v>
      </c>
      <c r="Z73" s="104">
        <v>0.33040665366156219</v>
      </c>
      <c r="AA73" s="105">
        <v>0.54019107417482048</v>
      </c>
      <c r="AB73" s="95">
        <v>0.10020435113663131</v>
      </c>
      <c r="AC73" s="105">
        <v>0.21387091352395549</v>
      </c>
      <c r="AD73" s="95">
        <v>8.3994285575326927E-2</v>
      </c>
      <c r="AE73" s="105">
        <v>0.24551817246084767</v>
      </c>
      <c r="AF73" s="95">
        <v>8.770162689481012E-2</v>
      </c>
      <c r="AG73" s="94">
        <v>4.1983984037606168E-4</v>
      </c>
      <c r="AH73" s="95">
        <v>2.8554633117461804E-2</v>
      </c>
      <c r="AI73" s="102">
        <v>95</v>
      </c>
      <c r="AJ73" s="103">
        <v>4.7221357772372192</v>
      </c>
      <c r="AK73" s="104">
        <v>0.35541639067367575</v>
      </c>
      <c r="AL73" s="105">
        <v>0.26068886123369306</v>
      </c>
      <c r="AM73" s="95">
        <v>8.9276452037489198E-2</v>
      </c>
      <c r="AN73" s="105">
        <v>0.17780141998507062</v>
      </c>
      <c r="AO73" s="95">
        <v>7.8985344732866183E-2</v>
      </c>
      <c r="AP73" s="105">
        <v>0.55046639103223494</v>
      </c>
      <c r="AQ73" s="95">
        <v>0.10003126627634998</v>
      </c>
      <c r="AR73" s="94">
        <v>1.1043327749001146E-2</v>
      </c>
      <c r="AS73" s="95">
        <v>3.4728712000876703E-2</v>
      </c>
    </row>
    <row r="74" spans="1:45">
      <c r="A74" s="43" t="s">
        <v>581</v>
      </c>
      <c r="B74" s="98">
        <v>6808</v>
      </c>
      <c r="C74" s="99">
        <v>4.7628053540702506</v>
      </c>
      <c r="D74" s="100">
        <v>3.8649390704340592E-2</v>
      </c>
      <c r="E74" s="101">
        <v>0.19332630899439679</v>
      </c>
      <c r="F74" s="92">
        <v>9.5728398793663936E-3</v>
      </c>
      <c r="G74" s="101">
        <v>0.19046040816263565</v>
      </c>
      <c r="H74" s="92">
        <v>9.518586223178211E-3</v>
      </c>
      <c r="I74" s="101">
        <v>0.59316100157049945</v>
      </c>
      <c r="J74" s="92">
        <v>1.1904178430287489E-2</v>
      </c>
      <c r="K74" s="91">
        <v>2.3052281272470214E-2</v>
      </c>
      <c r="L74" s="92">
        <v>3.658013205677033E-3</v>
      </c>
      <c r="M74" s="98">
        <v>6763</v>
      </c>
      <c r="N74" s="99">
        <v>4.8442831322869839</v>
      </c>
      <c r="O74" s="100">
        <v>3.4549912896583691E-2</v>
      </c>
      <c r="P74" s="101">
        <v>0.15603379442657764</v>
      </c>
      <c r="Q74" s="92">
        <v>8.8274287509172156E-3</v>
      </c>
      <c r="R74" s="101">
        <v>0.21405823234158891</v>
      </c>
      <c r="S74" s="92">
        <v>9.9751112599280271E-3</v>
      </c>
      <c r="T74" s="101">
        <v>0.61224193413265393</v>
      </c>
      <c r="U74" s="92">
        <v>1.1846429723345563E-2</v>
      </c>
      <c r="V74" s="91">
        <v>1.7666039099183042E-2</v>
      </c>
      <c r="W74" s="92">
        <v>3.2280821190695404E-3</v>
      </c>
      <c r="X74" s="98">
        <v>6772</v>
      </c>
      <c r="Y74" s="99">
        <v>4.5552989365312682</v>
      </c>
      <c r="Z74" s="100">
        <v>3.7828268763405469E-2</v>
      </c>
      <c r="AA74" s="101">
        <v>0.20774897334402875</v>
      </c>
      <c r="AB74" s="92">
        <v>9.8600043193204437E-3</v>
      </c>
      <c r="AC74" s="101">
        <v>0.22420885906615776</v>
      </c>
      <c r="AD74" s="92">
        <v>1.0135709030699444E-2</v>
      </c>
      <c r="AE74" s="101">
        <v>0.51999995493874818</v>
      </c>
      <c r="AF74" s="92">
        <v>1.2138527311287154E-2</v>
      </c>
      <c r="AG74" s="91">
        <v>4.8042212651067714E-2</v>
      </c>
      <c r="AH74" s="92">
        <v>5.2096116778286121E-3</v>
      </c>
      <c r="AI74" s="98">
        <v>6755</v>
      </c>
      <c r="AJ74" s="99">
        <v>5.0439844595408507</v>
      </c>
      <c r="AK74" s="100">
        <v>3.5141120269510474E-2</v>
      </c>
      <c r="AL74" s="101">
        <v>0.13159850046053859</v>
      </c>
      <c r="AM74" s="92">
        <v>8.2296137934761669E-3</v>
      </c>
      <c r="AN74" s="101">
        <v>0.18610616497630872</v>
      </c>
      <c r="AO74" s="92">
        <v>9.471529225293162E-3</v>
      </c>
      <c r="AP74" s="101">
        <v>0.67249717353903771</v>
      </c>
      <c r="AQ74" s="92">
        <v>1.1417637240492088E-2</v>
      </c>
      <c r="AR74" s="91">
        <v>9.7981610241180319E-3</v>
      </c>
      <c r="AS74" s="92">
        <v>2.4310575089709131E-3</v>
      </c>
    </row>
    <row r="75" spans="1:45">
      <c r="A75" s="47" t="s">
        <v>580</v>
      </c>
      <c r="B75" s="102">
        <v>2721</v>
      </c>
      <c r="C75" s="103">
        <v>4.728037760757462</v>
      </c>
      <c r="D75" s="104">
        <v>6.0521183854694405E-2</v>
      </c>
      <c r="E75" s="105">
        <v>0.19301462761826418</v>
      </c>
      <c r="F75" s="95">
        <v>1.5134210400530217E-2</v>
      </c>
      <c r="G75" s="105">
        <v>0.19742428236548673</v>
      </c>
      <c r="H75" s="95">
        <v>1.526362899049777E-2</v>
      </c>
      <c r="I75" s="105">
        <v>0.5870974203980982</v>
      </c>
      <c r="J75" s="95">
        <v>1.8864511362704988E-2</v>
      </c>
      <c r="K75" s="94">
        <v>2.24636696181468E-2</v>
      </c>
      <c r="L75" s="95">
        <v>5.7632865005406231E-3</v>
      </c>
      <c r="M75" s="102">
        <v>2705</v>
      </c>
      <c r="N75" s="103">
        <v>4.9576264231455331</v>
      </c>
      <c r="O75" s="104">
        <v>5.378610634927615E-2</v>
      </c>
      <c r="P75" s="105">
        <v>0.13008352050166413</v>
      </c>
      <c r="Q75" s="95">
        <v>1.2949377507268154E-2</v>
      </c>
      <c r="R75" s="105">
        <v>0.21724900060492974</v>
      </c>
      <c r="S75" s="95">
        <v>1.5856862246643334E-2</v>
      </c>
      <c r="T75" s="105">
        <v>0.64303720769631068</v>
      </c>
      <c r="U75" s="95">
        <v>1.8412473197447547E-2</v>
      </c>
      <c r="V75" s="94">
        <v>9.6302711970915836E-3</v>
      </c>
      <c r="W75" s="95">
        <v>3.8897920677449307E-3</v>
      </c>
      <c r="X75" s="102">
        <v>2704</v>
      </c>
      <c r="Y75" s="103">
        <v>4.3531892517715818</v>
      </c>
      <c r="Z75" s="104">
        <v>6.093500170473494E-2</v>
      </c>
      <c r="AA75" s="105">
        <v>0.25592820929117627</v>
      </c>
      <c r="AB75" s="95">
        <v>1.6779252168183677E-2</v>
      </c>
      <c r="AC75" s="105">
        <v>0.23089914028848649</v>
      </c>
      <c r="AD75" s="95">
        <v>1.6205771498151077E-2</v>
      </c>
      <c r="AE75" s="105">
        <v>0.4725748865427758</v>
      </c>
      <c r="AF75" s="95">
        <v>1.9187717771158255E-2</v>
      </c>
      <c r="AG75" s="94">
        <v>4.0597763877557175E-2</v>
      </c>
      <c r="AH75" s="95">
        <v>7.6454495169316064E-3</v>
      </c>
      <c r="AI75" s="102">
        <v>2710</v>
      </c>
      <c r="AJ75" s="103">
        <v>4.983557199446409</v>
      </c>
      <c r="AK75" s="104">
        <v>5.6138113145920467E-2</v>
      </c>
      <c r="AL75" s="105">
        <v>0.14169514647767092</v>
      </c>
      <c r="AM75" s="95">
        <v>1.340903373721181E-2</v>
      </c>
      <c r="AN75" s="105">
        <v>0.19619897196374395</v>
      </c>
      <c r="AO75" s="95">
        <v>1.52588469850976E-2</v>
      </c>
      <c r="AP75" s="105">
        <v>0.65388187971140754</v>
      </c>
      <c r="AQ75" s="95">
        <v>1.8266435371407121E-2</v>
      </c>
      <c r="AR75" s="94">
        <v>8.2240018471739455E-3</v>
      </c>
      <c r="AS75" s="95">
        <v>3.6153932000825475E-3</v>
      </c>
    </row>
    <row r="76" spans="1:45">
      <c r="A76" s="43" t="s">
        <v>583</v>
      </c>
      <c r="B76" s="98">
        <v>614</v>
      </c>
      <c r="C76" s="99">
        <v>4.501308383633627</v>
      </c>
      <c r="D76" s="100">
        <v>0.13538887749226211</v>
      </c>
      <c r="E76" s="101">
        <v>0.22108682506033117</v>
      </c>
      <c r="F76" s="92">
        <v>3.3482952749846626E-2</v>
      </c>
      <c r="G76" s="101">
        <v>0.23488131006835122</v>
      </c>
      <c r="H76" s="92">
        <v>3.4191447638080755E-2</v>
      </c>
      <c r="I76" s="101">
        <v>0.5230485482641738</v>
      </c>
      <c r="J76" s="92">
        <v>4.0183689795618455E-2</v>
      </c>
      <c r="K76" s="91">
        <v>2.0983316607143348E-2</v>
      </c>
      <c r="L76" s="92">
        <v>1.2334003643147361E-2</v>
      </c>
      <c r="M76" s="98">
        <v>609</v>
      </c>
      <c r="N76" s="99">
        <v>4.8301243160068754</v>
      </c>
      <c r="O76" s="100">
        <v>0.11666824291576623</v>
      </c>
      <c r="P76" s="101">
        <v>0.15966645383404798</v>
      </c>
      <c r="Q76" s="92">
        <v>2.9754816791554096E-2</v>
      </c>
      <c r="R76" s="101">
        <v>0.21635522010104197</v>
      </c>
      <c r="S76" s="92">
        <v>3.3364093435529589E-2</v>
      </c>
      <c r="T76" s="101">
        <v>0.61625498910744814</v>
      </c>
      <c r="U76" s="92">
        <v>3.9297301038326259E-2</v>
      </c>
      <c r="V76" s="91">
        <v>7.7233369574609759E-3</v>
      </c>
      <c r="W76" s="92">
        <v>8.4010392234294337E-3</v>
      </c>
      <c r="X76" s="98">
        <v>606</v>
      </c>
      <c r="Y76" s="99">
        <v>4.1650620925686406</v>
      </c>
      <c r="Z76" s="100">
        <v>0.13856246334667477</v>
      </c>
      <c r="AA76" s="101">
        <v>0.3346269949867291</v>
      </c>
      <c r="AB76" s="92">
        <v>3.8240760897053312E-2</v>
      </c>
      <c r="AC76" s="101">
        <v>0.2019131986275049</v>
      </c>
      <c r="AD76" s="92">
        <v>3.2623612017982362E-2</v>
      </c>
      <c r="AE76" s="101">
        <v>0.43243090749636276</v>
      </c>
      <c r="AF76" s="92">
        <v>4.0122280136451839E-2</v>
      </c>
      <c r="AG76" s="91">
        <v>3.1028898889402204E-2</v>
      </c>
      <c r="AH76" s="92">
        <v>1.4697167849505283E-2</v>
      </c>
      <c r="AI76" s="98">
        <v>608</v>
      </c>
      <c r="AJ76" s="99">
        <v>4.7768762367013666</v>
      </c>
      <c r="AK76" s="100">
        <v>0.12485262439832027</v>
      </c>
      <c r="AL76" s="101">
        <v>0.19030077536798859</v>
      </c>
      <c r="AM76" s="92">
        <v>3.1863276713027043E-2</v>
      </c>
      <c r="AN76" s="101">
        <v>0.18634535011806189</v>
      </c>
      <c r="AO76" s="92">
        <v>3.1612705428732943E-2</v>
      </c>
      <c r="AP76" s="101">
        <v>0.61776612890021321</v>
      </c>
      <c r="AQ76" s="92">
        <v>3.930040485476629E-2</v>
      </c>
      <c r="AR76" s="91">
        <v>5.587745613735642E-3</v>
      </c>
      <c r="AS76" s="92">
        <v>7.5586681396286404E-3</v>
      </c>
    </row>
    <row r="77" spans="1:45">
      <c r="A77" s="47" t="s">
        <v>582</v>
      </c>
      <c r="B77" s="102">
        <v>2107</v>
      </c>
      <c r="C77" s="103">
        <v>4.8108320790777643</v>
      </c>
      <c r="D77" s="104">
        <v>6.7196851685039721E-2</v>
      </c>
      <c r="E77" s="105">
        <v>0.18278470782996512</v>
      </c>
      <c r="F77" s="95">
        <v>1.6845238939246204E-2</v>
      </c>
      <c r="G77" s="105">
        <v>0.18377439301502962</v>
      </c>
      <c r="H77" s="95">
        <v>1.6880327719952928E-2</v>
      </c>
      <c r="I77" s="105">
        <v>0.61043776722393339</v>
      </c>
      <c r="J77" s="95">
        <v>2.1229372702332171E-2</v>
      </c>
      <c r="K77" s="94">
        <v>2.3003131931070054E-2</v>
      </c>
      <c r="L77" s="95">
        <v>6.6495719788029926E-3</v>
      </c>
      <c r="M77" s="102">
        <v>2096</v>
      </c>
      <c r="N77" s="103">
        <v>5.0041052576914504</v>
      </c>
      <c r="O77" s="104">
        <v>6.0485192149482718E-2</v>
      </c>
      <c r="P77" s="105">
        <v>0.11932779914583877</v>
      </c>
      <c r="Q77" s="95">
        <v>1.4185182939045011E-2</v>
      </c>
      <c r="R77" s="105">
        <v>0.21757396006534241</v>
      </c>
      <c r="S77" s="95">
        <v>1.802321821123061E-2</v>
      </c>
      <c r="T77" s="105">
        <v>0.65277464911890748</v>
      </c>
      <c r="U77" s="95">
        <v>2.0782260592358163E-2</v>
      </c>
      <c r="V77" s="94">
        <v>1.0323591669909576E-2</v>
      </c>
      <c r="W77" s="95">
        <v>4.6042638942201041E-3</v>
      </c>
      <c r="X77" s="102">
        <v>2098</v>
      </c>
      <c r="Y77" s="103">
        <v>4.4221301884364932</v>
      </c>
      <c r="Z77" s="104">
        <v>6.7253755784777824E-2</v>
      </c>
      <c r="AA77" s="105">
        <v>0.22747607901880632</v>
      </c>
      <c r="AB77" s="95">
        <v>1.8301477064209207E-2</v>
      </c>
      <c r="AC77" s="105">
        <v>0.24137848607402496</v>
      </c>
      <c r="AD77" s="95">
        <v>1.8679999848534429E-2</v>
      </c>
      <c r="AE77" s="105">
        <v>0.48708822002543661</v>
      </c>
      <c r="AF77" s="95">
        <v>2.180415902466231E-2</v>
      </c>
      <c r="AG77" s="94">
        <v>4.4057214881730873E-2</v>
      </c>
      <c r="AH77" s="95">
        <v>9.0359898622212644E-3</v>
      </c>
      <c r="AI77" s="102">
        <v>2102</v>
      </c>
      <c r="AJ77" s="103">
        <v>5.0585852356348413</v>
      </c>
      <c r="AK77" s="104">
        <v>6.2273215584954099E-2</v>
      </c>
      <c r="AL77" s="105">
        <v>0.12411432989193408</v>
      </c>
      <c r="AM77" s="95">
        <v>1.4404690040140241E-2</v>
      </c>
      <c r="AN77" s="105">
        <v>0.19976305954637982</v>
      </c>
      <c r="AO77" s="95">
        <v>1.7443430477998623E-2</v>
      </c>
      <c r="AP77" s="105">
        <v>0.66694506612343074</v>
      </c>
      <c r="AQ77" s="95">
        <v>2.0545047708724597E-2</v>
      </c>
      <c r="AR77" s="94">
        <v>9.1775444382527181E-3</v>
      </c>
      <c r="AS77" s="95">
        <v>4.3597862657117478E-3</v>
      </c>
    </row>
    <row r="78" spans="1:45">
      <c r="A78" s="43" t="s">
        <v>568</v>
      </c>
      <c r="B78" s="81">
        <v>6139</v>
      </c>
      <c r="C78" s="82">
        <v>4.8169371565825063</v>
      </c>
      <c r="D78" s="83">
        <v>4.1436724389751094E-2</v>
      </c>
      <c r="E78" s="96">
        <v>0.1825941362299055</v>
      </c>
      <c r="F78" s="92">
        <v>9.8626305199937796E-3</v>
      </c>
      <c r="G78" s="96">
        <v>0.18752965778969982</v>
      </c>
      <c r="H78" s="92">
        <v>9.9645929242368602E-3</v>
      </c>
      <c r="I78" s="96">
        <v>0.60369225167004292</v>
      </c>
      <c r="J78" s="92">
        <v>1.2481780041121208E-2</v>
      </c>
      <c r="K78" s="96">
        <v>2.6183954310346706E-2</v>
      </c>
      <c r="L78" s="92">
        <v>4.0979880633197959E-3</v>
      </c>
      <c r="M78" s="81">
        <v>6097</v>
      </c>
      <c r="N78" s="82">
        <v>4.9573676466046503</v>
      </c>
      <c r="O78" s="83">
        <v>3.6592648190289637E-2</v>
      </c>
      <c r="P78" s="96">
        <v>0.13955377622509146</v>
      </c>
      <c r="Q78" s="92">
        <v>8.8791195519452026E-3</v>
      </c>
      <c r="R78" s="96">
        <v>0.19840067758994959</v>
      </c>
      <c r="S78" s="92">
        <v>1.0215096435007603E-2</v>
      </c>
      <c r="T78" s="96">
        <v>0.64550022522830464</v>
      </c>
      <c r="U78" s="92">
        <v>1.2249320454701328E-2</v>
      </c>
      <c r="V78" s="96">
        <v>1.6545320956648756E-2</v>
      </c>
      <c r="W78" s="92">
        <v>3.296817584505739E-3</v>
      </c>
      <c r="X78" s="81">
        <v>6099</v>
      </c>
      <c r="Y78" s="82">
        <v>4.5340079602372825</v>
      </c>
      <c r="Z78" s="83">
        <v>4.0884756404770344E-2</v>
      </c>
      <c r="AA78" s="96">
        <v>0.21334854437381318</v>
      </c>
      <c r="AB78" s="92">
        <v>1.0491403670877008E-2</v>
      </c>
      <c r="AC78" s="96">
        <v>0.21543104772793722</v>
      </c>
      <c r="AD78" s="92">
        <v>1.0528446739123487E-2</v>
      </c>
      <c r="AE78" s="96">
        <v>0.51707598067788807</v>
      </c>
      <c r="AF78" s="92">
        <v>1.2793083319423077E-2</v>
      </c>
      <c r="AG78" s="96">
        <v>5.4144427220356874E-2</v>
      </c>
      <c r="AH78" s="92">
        <v>5.8083036600609884E-3</v>
      </c>
      <c r="AI78" s="81">
        <v>6098</v>
      </c>
      <c r="AJ78" s="82">
        <v>5.1075220326079451</v>
      </c>
      <c r="AK78" s="83">
        <v>3.7633644023383754E-2</v>
      </c>
      <c r="AL78" s="96">
        <v>0.13033685516554505</v>
      </c>
      <c r="AM78" s="92">
        <v>8.6267234792025589E-3</v>
      </c>
      <c r="AN78" s="96">
        <v>0.17276788493503545</v>
      </c>
      <c r="AO78" s="92">
        <v>9.6839429499416419E-3</v>
      </c>
      <c r="AP78" s="96">
        <v>0.68686489813494889</v>
      </c>
      <c r="AQ78" s="92">
        <v>1.1875219111894601E-2</v>
      </c>
      <c r="AR78" s="96">
        <v>1.0030361764465251E-2</v>
      </c>
      <c r="AS78" s="92">
        <v>2.5914153054893115E-3</v>
      </c>
    </row>
    <row r="79" spans="1:45">
      <c r="A79" s="47" t="s">
        <v>569</v>
      </c>
      <c r="B79" s="102">
        <v>3333</v>
      </c>
      <c r="C79" s="103">
        <v>4.7253580423789332</v>
      </c>
      <c r="D79" s="104">
        <v>5.2861909430294063E-2</v>
      </c>
      <c r="E79" s="105">
        <v>0.19956255742021511</v>
      </c>
      <c r="F79" s="95">
        <v>1.3846783746989281E-2</v>
      </c>
      <c r="G79" s="105">
        <v>0.19591806722733973</v>
      </c>
      <c r="H79" s="95">
        <v>1.3751321921200706E-2</v>
      </c>
      <c r="I79" s="105">
        <v>0.58432248803610232</v>
      </c>
      <c r="J79" s="95">
        <v>1.7063640287575059E-2</v>
      </c>
      <c r="K79" s="94">
        <v>2.0196887316345561E-2</v>
      </c>
      <c r="L79" s="95">
        <v>4.9377960647848454E-3</v>
      </c>
      <c r="M79" s="102">
        <v>3315</v>
      </c>
      <c r="N79" s="103">
        <v>4.7705970121858545</v>
      </c>
      <c r="O79" s="104">
        <v>4.8251203856245803E-2</v>
      </c>
      <c r="P79" s="105">
        <v>0.16594016780411128</v>
      </c>
      <c r="Q79" s="95">
        <v>1.2927724709479404E-2</v>
      </c>
      <c r="R79" s="105">
        <v>0.22644159170736716</v>
      </c>
      <c r="S79" s="95">
        <v>1.4536986365996611E-2</v>
      </c>
      <c r="T79" s="105">
        <v>0.58978815268326568</v>
      </c>
      <c r="U79" s="95">
        <v>1.7076384341262744E-2</v>
      </c>
      <c r="V79" s="94">
        <v>1.7830087805258372E-2</v>
      </c>
      <c r="W79" s="95">
        <v>4.6669387798522009E-3</v>
      </c>
      <c r="X79" s="102">
        <v>3318</v>
      </c>
      <c r="Y79" s="103">
        <v>4.5728413263922567</v>
      </c>
      <c r="Z79" s="104">
        <v>5.254973717472352E-2</v>
      </c>
      <c r="AA79" s="105">
        <v>0.20273194904666744</v>
      </c>
      <c r="AB79" s="95">
        <v>1.395979369878495E-2</v>
      </c>
      <c r="AC79" s="105">
        <v>0.23277524357115717</v>
      </c>
      <c r="AD79" s="95">
        <v>1.4671305034674136E-2</v>
      </c>
      <c r="AE79" s="105">
        <v>0.52409180007447109</v>
      </c>
      <c r="AF79" s="95">
        <v>1.7329924635423974E-2</v>
      </c>
      <c r="AG79" s="94">
        <v>4.04010073077056E-2</v>
      </c>
      <c r="AH79" s="95">
        <v>6.8770175543994734E-3</v>
      </c>
      <c r="AI79" s="102">
        <v>3312</v>
      </c>
      <c r="AJ79" s="103">
        <v>4.980795221372925</v>
      </c>
      <c r="AK79" s="104">
        <v>4.8812217428341617E-2</v>
      </c>
      <c r="AL79" s="105">
        <v>0.13221612232268001</v>
      </c>
      <c r="AM79" s="95">
        <v>1.1781134117228361E-2</v>
      </c>
      <c r="AN79" s="105">
        <v>0.20028086449793428</v>
      </c>
      <c r="AO79" s="95">
        <v>1.3909280072627683E-2</v>
      </c>
      <c r="AP79" s="105">
        <v>0.65630332832409</v>
      </c>
      <c r="AQ79" s="95">
        <v>1.6497547949838657E-2</v>
      </c>
      <c r="AR79" s="94">
        <v>1.1199684855298488E-2</v>
      </c>
      <c r="AS79" s="95">
        <v>3.7487952918499583E-3</v>
      </c>
    </row>
    <row r="80" spans="1:45">
      <c r="A80" s="55" t="s">
        <v>570</v>
      </c>
      <c r="B80" s="98">
        <v>1097</v>
      </c>
      <c r="C80" s="99">
        <v>5.034990863411263</v>
      </c>
      <c r="D80" s="100">
        <v>9.7402528640813196E-2</v>
      </c>
      <c r="E80" s="101">
        <v>0.13767419515282112</v>
      </c>
      <c r="F80" s="92">
        <v>2.0851289967815476E-2</v>
      </c>
      <c r="G80" s="101">
        <v>0.16545441809155018</v>
      </c>
      <c r="H80" s="92">
        <v>2.246329177402337E-2</v>
      </c>
      <c r="I80" s="101">
        <v>0.65285523503249765</v>
      </c>
      <c r="J80" s="92">
        <v>2.8705320431391478E-2</v>
      </c>
      <c r="K80" s="91">
        <v>4.4016151723135416E-2</v>
      </c>
      <c r="L80" s="92">
        <v>1.2583853816248047E-2</v>
      </c>
      <c r="M80" s="98">
        <v>1097</v>
      </c>
      <c r="N80" s="99">
        <v>4.9090597219194843</v>
      </c>
      <c r="O80" s="100">
        <v>8.8689332013287117E-2</v>
      </c>
      <c r="P80" s="101">
        <v>0.16880619712269557</v>
      </c>
      <c r="Q80" s="92">
        <v>2.2641721048248142E-2</v>
      </c>
      <c r="R80" s="101">
        <v>0.17387194771669098</v>
      </c>
      <c r="S80" s="92">
        <v>2.2905398050934479E-2</v>
      </c>
      <c r="T80" s="101">
        <v>0.63338116924666299</v>
      </c>
      <c r="U80" s="92">
        <v>2.9053397366554632E-2</v>
      </c>
      <c r="V80" s="91">
        <v>2.3940685913954214E-2</v>
      </c>
      <c r="W80" s="92">
        <v>9.5324441892651619E-3</v>
      </c>
      <c r="X80" s="98">
        <v>1094</v>
      </c>
      <c r="Y80" s="99">
        <v>4.6892036387095146</v>
      </c>
      <c r="Z80" s="100">
        <v>9.5165889011827487E-2</v>
      </c>
      <c r="AA80" s="101">
        <v>0.18708954774988704</v>
      </c>
      <c r="AB80" s="92">
        <v>2.3593332136677855E-2</v>
      </c>
      <c r="AC80" s="101">
        <v>0.2210090098353904</v>
      </c>
      <c r="AD80" s="92">
        <v>2.5084927174058459E-2</v>
      </c>
      <c r="AE80" s="101">
        <v>0.53632550322242989</v>
      </c>
      <c r="AF80" s="92">
        <v>3.0099413573445484E-2</v>
      </c>
      <c r="AG80" s="91">
        <v>5.5575939192297176E-2</v>
      </c>
      <c r="AH80" s="92">
        <v>1.4015825786168983E-2</v>
      </c>
      <c r="AI80" s="98">
        <v>1097</v>
      </c>
      <c r="AJ80" s="99">
        <v>5.1020572032412224</v>
      </c>
      <c r="AK80" s="100">
        <v>8.8128837627917497E-2</v>
      </c>
      <c r="AL80" s="101">
        <v>0.11314292882986378</v>
      </c>
      <c r="AM80" s="92">
        <v>1.9196111779577963E-2</v>
      </c>
      <c r="AN80" s="101">
        <v>0.20378467482081966</v>
      </c>
      <c r="AO80" s="92">
        <v>2.432693442879286E-2</v>
      </c>
      <c r="AP80" s="101">
        <v>0.66646221346322476</v>
      </c>
      <c r="AQ80" s="92">
        <v>2.8431047462831774E-2</v>
      </c>
      <c r="AR80" s="91">
        <v>1.6610182886095132E-2</v>
      </c>
      <c r="AS80" s="92">
        <v>8.0932449720374985E-3</v>
      </c>
    </row>
    <row r="81" spans="1:45">
      <c r="A81" s="47" t="s">
        <v>571</v>
      </c>
      <c r="B81" s="102">
        <v>2733</v>
      </c>
      <c r="C81" s="103">
        <v>4.8182472250330326</v>
      </c>
      <c r="D81" s="104">
        <v>6.0996534263548799E-2</v>
      </c>
      <c r="E81" s="105">
        <v>0.18465060002829567</v>
      </c>
      <c r="F81" s="95">
        <v>1.4847671934673701E-2</v>
      </c>
      <c r="G81" s="105">
        <v>0.17984684225549749</v>
      </c>
      <c r="H81" s="95">
        <v>1.4697103975070297E-2</v>
      </c>
      <c r="I81" s="105">
        <v>0.61709405999112787</v>
      </c>
      <c r="J81" s="95">
        <v>1.8584510696379064E-2</v>
      </c>
      <c r="K81" s="94">
        <v>1.8408497725075208E-2</v>
      </c>
      <c r="L81" s="95">
        <v>5.2343042037507033E-3</v>
      </c>
      <c r="M81" s="102">
        <v>2718</v>
      </c>
      <c r="N81" s="103">
        <v>4.8431264393441644</v>
      </c>
      <c r="O81" s="104">
        <v>5.424977631685949E-2</v>
      </c>
      <c r="P81" s="105">
        <v>0.15104041140426189</v>
      </c>
      <c r="Q81" s="95">
        <v>1.3746141516540156E-2</v>
      </c>
      <c r="R81" s="105">
        <v>0.20816800142039749</v>
      </c>
      <c r="S81" s="95">
        <v>1.5575381610683879E-2</v>
      </c>
      <c r="T81" s="105">
        <v>0.62440197168205402</v>
      </c>
      <c r="U81" s="95">
        <v>1.8566147596362461E-2</v>
      </c>
      <c r="V81" s="94">
        <v>1.6389615493282817E-2</v>
      </c>
      <c r="W81" s="95">
        <v>4.9698377450785999E-3</v>
      </c>
      <c r="X81" s="102">
        <v>2724</v>
      </c>
      <c r="Y81" s="103">
        <v>4.5291808487626399</v>
      </c>
      <c r="Z81" s="104">
        <v>6.0918255577393395E-2</v>
      </c>
      <c r="AA81" s="105">
        <v>0.21749529331083578</v>
      </c>
      <c r="AB81" s="95">
        <v>1.5807908616593733E-2</v>
      </c>
      <c r="AC81" s="105">
        <v>0.21503994509263841</v>
      </c>
      <c r="AD81" s="95">
        <v>1.5743346695097943E-2</v>
      </c>
      <c r="AE81" s="105">
        <v>0.52917224167431665</v>
      </c>
      <c r="AF81" s="95">
        <v>1.9113470175454627E-2</v>
      </c>
      <c r="AG81" s="94">
        <v>3.8292519922204733E-2</v>
      </c>
      <c r="AH81" s="95">
        <v>7.4103525531760833E-3</v>
      </c>
      <c r="AI81" s="102">
        <v>2713</v>
      </c>
      <c r="AJ81" s="103">
        <v>5.0402277709116099</v>
      </c>
      <c r="AK81" s="104">
        <v>5.497416778877446E-2</v>
      </c>
      <c r="AL81" s="105">
        <v>0.12678722028660833</v>
      </c>
      <c r="AM81" s="95">
        <v>1.2790434031520515E-2</v>
      </c>
      <c r="AN81" s="105">
        <v>0.18409951343978576</v>
      </c>
      <c r="AO81" s="95">
        <v>1.4885181934371775E-2</v>
      </c>
      <c r="AP81" s="105">
        <v>0.67883795613890141</v>
      </c>
      <c r="AQ81" s="95">
        <v>1.7919424106078715E-2</v>
      </c>
      <c r="AR81" s="94">
        <v>1.027531013469974E-2</v>
      </c>
      <c r="AS81" s="95">
        <v>4.0013561068793849E-3</v>
      </c>
    </row>
    <row r="82" spans="1:45">
      <c r="A82" s="55" t="s">
        <v>572</v>
      </c>
      <c r="B82" s="98">
        <v>2954</v>
      </c>
      <c r="C82" s="99">
        <v>4.4714532021684441</v>
      </c>
      <c r="D82" s="100">
        <v>5.9769802774946812E-2</v>
      </c>
      <c r="E82" s="101">
        <v>0.25422369628475766</v>
      </c>
      <c r="F82" s="92">
        <v>1.6018805205383752E-2</v>
      </c>
      <c r="G82" s="101">
        <v>0.2067579678025466</v>
      </c>
      <c r="H82" s="92">
        <v>1.4902954871512466E-2</v>
      </c>
      <c r="I82" s="101">
        <v>0.51664472604435407</v>
      </c>
      <c r="J82" s="92">
        <v>1.8376415120589386E-2</v>
      </c>
      <c r="K82" s="91">
        <v>2.2373609868342845E-2</v>
      </c>
      <c r="L82" s="92">
        <v>5.5146973754869929E-3</v>
      </c>
      <c r="M82" s="98">
        <v>2927</v>
      </c>
      <c r="N82" s="99">
        <v>4.7026203808170575</v>
      </c>
      <c r="O82" s="100">
        <v>5.3469994946235756E-2</v>
      </c>
      <c r="P82" s="101">
        <v>0.17856436183863192</v>
      </c>
      <c r="Q82" s="92">
        <v>1.4161950001462593E-2</v>
      </c>
      <c r="R82" s="101">
        <v>0.23484933679555633</v>
      </c>
      <c r="S82" s="92">
        <v>1.5668298646974742E-2</v>
      </c>
      <c r="T82" s="101">
        <v>0.56332266600943148</v>
      </c>
      <c r="U82" s="92">
        <v>1.8322750963986376E-2</v>
      </c>
      <c r="V82" s="91">
        <v>2.3263635356382061E-2</v>
      </c>
      <c r="W82" s="92">
        <v>5.644096583193395E-3</v>
      </c>
      <c r="X82" s="98">
        <v>2938</v>
      </c>
      <c r="Y82" s="99">
        <v>4.3095229736186935</v>
      </c>
      <c r="Z82" s="100">
        <v>5.8594193758545188E-2</v>
      </c>
      <c r="AA82" s="101">
        <v>0.2562464469892326</v>
      </c>
      <c r="AB82" s="92">
        <v>1.6104082827974691E-2</v>
      </c>
      <c r="AC82" s="101">
        <v>0.2351230611770245</v>
      </c>
      <c r="AD82" s="92">
        <v>1.5645236700361963E-2</v>
      </c>
      <c r="AE82" s="101">
        <v>0.4562394738059074</v>
      </c>
      <c r="AF82" s="92">
        <v>1.8365953637957216E-2</v>
      </c>
      <c r="AG82" s="91">
        <v>5.2391018027836883E-2</v>
      </c>
      <c r="AH82" s="92">
        <v>8.260760338041748E-3</v>
      </c>
      <c r="AI82" s="98">
        <v>2931</v>
      </c>
      <c r="AJ82" s="99">
        <v>4.892437954588452</v>
      </c>
      <c r="AK82" s="100">
        <v>5.407248133428303E-2</v>
      </c>
      <c r="AL82" s="101">
        <v>0.1646198577323405</v>
      </c>
      <c r="AM82" s="92">
        <v>1.3705420668958922E-2</v>
      </c>
      <c r="AN82" s="101">
        <v>0.18380888754927224</v>
      </c>
      <c r="AO82" s="92">
        <v>1.4311954185670526E-2</v>
      </c>
      <c r="AP82" s="101">
        <v>0.64144177755123555</v>
      </c>
      <c r="AQ82" s="92">
        <v>1.770662747095423E-2</v>
      </c>
      <c r="AR82" s="91">
        <v>1.0129477167154502E-2</v>
      </c>
      <c r="AS82" s="92">
        <v>3.8152434611364331E-3</v>
      </c>
    </row>
    <row r="83" spans="1:45">
      <c r="A83" s="47" t="s">
        <v>573</v>
      </c>
      <c r="B83" s="102">
        <v>2648</v>
      </c>
      <c r="C83" s="103">
        <v>4.8542234164632063</v>
      </c>
      <c r="D83" s="104">
        <v>5.8391882309897815E-2</v>
      </c>
      <c r="E83" s="105">
        <v>0.1688416116825795</v>
      </c>
      <c r="F83" s="95">
        <v>1.4565848272014577E-2</v>
      </c>
      <c r="G83" s="105">
        <v>0.21018732264377143</v>
      </c>
      <c r="H83" s="95">
        <v>1.583578001194871E-2</v>
      </c>
      <c r="I83" s="105">
        <v>0.60461880995128237</v>
      </c>
      <c r="J83" s="95">
        <v>1.8989871738196922E-2</v>
      </c>
      <c r="K83" s="94">
        <v>1.6352255722367801E-2</v>
      </c>
      <c r="L83" s="95">
        <v>5.0323169304135364E-3</v>
      </c>
      <c r="M83" s="102">
        <v>2630</v>
      </c>
      <c r="N83" s="103">
        <v>5.069381628842021</v>
      </c>
      <c r="O83" s="104">
        <v>5.1952414947188726E-2</v>
      </c>
      <c r="P83" s="105">
        <v>0.11199724355123257</v>
      </c>
      <c r="Q83" s="95">
        <v>1.2317660427283635E-2</v>
      </c>
      <c r="R83" s="105">
        <v>0.2168078175381396</v>
      </c>
      <c r="S83" s="95">
        <v>1.6069589558637781E-2</v>
      </c>
      <c r="T83" s="105">
        <v>0.6647045346306274</v>
      </c>
      <c r="U83" s="95">
        <v>1.8400535867768283E-2</v>
      </c>
      <c r="V83" s="94">
        <v>6.4904042800022002E-3</v>
      </c>
      <c r="W83" s="95">
        <v>3.3037642084994749E-3</v>
      </c>
      <c r="X83" s="102">
        <v>2622</v>
      </c>
      <c r="Y83" s="103">
        <v>4.7663378038992485</v>
      </c>
      <c r="Z83" s="104">
        <v>5.7841797974898981E-2</v>
      </c>
      <c r="AA83" s="105">
        <v>0.15638447672907393</v>
      </c>
      <c r="AB83" s="95">
        <v>1.4195233129690146E-2</v>
      </c>
      <c r="AC83" s="105">
        <v>0.22348380081846669</v>
      </c>
      <c r="AD83" s="95">
        <v>1.6269416314226147E-2</v>
      </c>
      <c r="AE83" s="105">
        <v>0.56996469334864697</v>
      </c>
      <c r="AF83" s="95">
        <v>1.93228805696628E-2</v>
      </c>
      <c r="AG83" s="94">
        <v>5.0167029103814161E-2</v>
      </c>
      <c r="AH83" s="95">
        <v>8.5744158640558999E-3</v>
      </c>
      <c r="AI83" s="102">
        <v>2629</v>
      </c>
      <c r="AJ83" s="103">
        <v>5.1851790094606338</v>
      </c>
      <c r="AK83" s="104">
        <v>5.5376980116930284E-2</v>
      </c>
      <c r="AL83" s="105">
        <v>0.11629677911883961</v>
      </c>
      <c r="AM83" s="95">
        <v>1.2522297957776771E-2</v>
      </c>
      <c r="AN83" s="105">
        <v>0.17604083880404256</v>
      </c>
      <c r="AO83" s="95">
        <v>1.4860745890673058E-2</v>
      </c>
      <c r="AP83" s="105">
        <v>0.70089012798220207</v>
      </c>
      <c r="AQ83" s="95">
        <v>1.7851379604561055E-2</v>
      </c>
      <c r="AR83" s="94">
        <v>6.7722540949166007E-3</v>
      </c>
      <c r="AS83" s="95">
        <v>3.3675879285544399E-3</v>
      </c>
    </row>
    <row r="84" spans="1:45">
      <c r="A84" s="55" t="s">
        <v>579</v>
      </c>
      <c r="B84" s="98">
        <v>7452</v>
      </c>
      <c r="C84" s="99">
        <v>4.7052154917595885</v>
      </c>
      <c r="D84" s="100">
        <v>3.7003215945011894E-2</v>
      </c>
      <c r="E84" s="101">
        <v>0.19845937267667632</v>
      </c>
      <c r="F84" s="92">
        <v>9.2407819976559422E-3</v>
      </c>
      <c r="G84" s="101">
        <v>0.19743143825572612</v>
      </c>
      <c r="H84" s="92">
        <v>9.2227578860637326E-3</v>
      </c>
      <c r="I84" s="101">
        <v>0.58175517339216942</v>
      </c>
      <c r="J84" s="92">
        <v>1.1425332830949519E-2</v>
      </c>
      <c r="K84" s="91">
        <v>2.2354015675430078E-2</v>
      </c>
      <c r="L84" s="92">
        <v>3.4432118564991323E-3</v>
      </c>
      <c r="M84" s="98">
        <v>7400</v>
      </c>
      <c r="N84" s="99">
        <v>4.8482780706320678</v>
      </c>
      <c r="O84" s="100">
        <v>3.2935282766727823E-2</v>
      </c>
      <c r="P84" s="101">
        <v>0.15547047979767684</v>
      </c>
      <c r="Q84" s="92">
        <v>8.4263623364681187E-3</v>
      </c>
      <c r="R84" s="101">
        <v>0.21073815708744775</v>
      </c>
      <c r="S84" s="92">
        <v>9.4819333912592053E-3</v>
      </c>
      <c r="T84" s="101">
        <v>0.61796251277420677</v>
      </c>
      <c r="U84" s="92">
        <v>1.1293919057280144E-2</v>
      </c>
      <c r="V84" s="91">
        <v>1.5828850340671618E-2</v>
      </c>
      <c r="W84" s="92">
        <v>2.9245437079069799E-3</v>
      </c>
      <c r="X84" s="98">
        <v>7412</v>
      </c>
      <c r="Y84" s="99">
        <v>4.4824620142189655</v>
      </c>
      <c r="Z84" s="100">
        <v>3.6594323140165912E-2</v>
      </c>
      <c r="AA84" s="101">
        <v>0.21966314989493138</v>
      </c>
      <c r="AB84" s="92">
        <v>9.6177202150244112E-3</v>
      </c>
      <c r="AC84" s="101">
        <v>0.22827987989217738</v>
      </c>
      <c r="AD84" s="92">
        <v>9.7500532687206931E-3</v>
      </c>
      <c r="AE84" s="101">
        <v>0.50244106508652564</v>
      </c>
      <c r="AF84" s="92">
        <v>1.1612078663557587E-2</v>
      </c>
      <c r="AG84" s="91">
        <v>4.9615905126369E-2</v>
      </c>
      <c r="AH84" s="92">
        <v>5.0548729915284611E-3</v>
      </c>
      <c r="AI84" s="98">
        <v>7402</v>
      </c>
      <c r="AJ84" s="99">
        <v>5.0162101735006255</v>
      </c>
      <c r="AK84" s="100">
        <v>3.3827914541226398E-2</v>
      </c>
      <c r="AL84" s="106">
        <v>0.13229699395701477</v>
      </c>
      <c r="AM84" s="92">
        <v>7.8790653201571154E-3</v>
      </c>
      <c r="AN84" s="101">
        <v>0.19108687691948897</v>
      </c>
      <c r="AO84" s="92">
        <v>9.1400640037058063E-3</v>
      </c>
      <c r="AP84" s="101">
        <v>0.66772875410493315</v>
      </c>
      <c r="AQ84" s="92">
        <v>1.0947483361190016E-2</v>
      </c>
      <c r="AR84" s="91">
        <v>8.887375018565874E-3</v>
      </c>
      <c r="AS84" s="92">
        <v>2.2131680237820642E-3</v>
      </c>
    </row>
    <row r="85" spans="1:45">
      <c r="A85" s="47" t="s">
        <v>585</v>
      </c>
      <c r="B85" s="102">
        <v>1180</v>
      </c>
      <c r="C85" s="103">
        <v>4.807691709315395</v>
      </c>
      <c r="D85" s="104">
        <v>8.9318185905831529E-2</v>
      </c>
      <c r="E85" s="105">
        <v>0.17514327846986827</v>
      </c>
      <c r="F85" s="95">
        <v>2.2146621310730405E-2</v>
      </c>
      <c r="G85" s="105">
        <v>0.20847805318634902</v>
      </c>
      <c r="H85" s="95">
        <v>2.3652053210288876E-2</v>
      </c>
      <c r="I85" s="105">
        <v>0.59573459743123014</v>
      </c>
      <c r="J85" s="95">
        <v>2.8527885166249354E-2</v>
      </c>
      <c r="K85" s="94">
        <v>2.0644070912552777E-2</v>
      </c>
      <c r="L85" s="95">
        <v>8.575549081523668E-3</v>
      </c>
      <c r="M85" s="102">
        <v>1174</v>
      </c>
      <c r="N85" s="103">
        <v>4.849625779623584</v>
      </c>
      <c r="O85" s="104">
        <v>8.21968254328906E-2</v>
      </c>
      <c r="P85" s="105">
        <v>0.12783976196670435</v>
      </c>
      <c r="Q85" s="95">
        <v>1.9539326028563089E-2</v>
      </c>
      <c r="R85" s="105">
        <v>0.26159999568904313</v>
      </c>
      <c r="S85" s="95">
        <v>2.5636267013998466E-2</v>
      </c>
      <c r="T85" s="105">
        <v>0.59167782419492032</v>
      </c>
      <c r="U85" s="95">
        <v>2.8645254793925663E-2</v>
      </c>
      <c r="V85" s="94">
        <v>1.8882418149332385E-2</v>
      </c>
      <c r="W85" s="95">
        <v>8.2604431058261232E-3</v>
      </c>
      <c r="X85" s="102">
        <v>1174</v>
      </c>
      <c r="Y85" s="103">
        <v>4.5833732888843475</v>
      </c>
      <c r="Z85" s="104">
        <v>8.7821290344427552E-2</v>
      </c>
      <c r="AA85" s="105">
        <v>0.19381856748499135</v>
      </c>
      <c r="AB85" s="95">
        <v>2.308090898572469E-2</v>
      </c>
      <c r="AC85" s="105">
        <v>0.25368762971858699</v>
      </c>
      <c r="AD85" s="95">
        <v>2.5382743200626206E-2</v>
      </c>
      <c r="AE85" s="105">
        <v>0.51949914340896042</v>
      </c>
      <c r="AF85" s="95">
        <v>2.911381337960664E-2</v>
      </c>
      <c r="AG85" s="94">
        <v>3.2994659387461718E-2</v>
      </c>
      <c r="AH85" s="95">
        <v>1.0647079816274094E-2</v>
      </c>
      <c r="AI85" s="102">
        <v>1173</v>
      </c>
      <c r="AJ85" s="103">
        <v>5.0489829953537937</v>
      </c>
      <c r="AK85" s="104">
        <v>8.2863557116535355E-2</v>
      </c>
      <c r="AL85" s="105">
        <v>0.13821529265793481</v>
      </c>
      <c r="AM85" s="95">
        <v>2.0194462684406462E-2</v>
      </c>
      <c r="AN85" s="105">
        <v>0.2072077872659138</v>
      </c>
      <c r="AO85" s="95">
        <v>2.3669661838741547E-2</v>
      </c>
      <c r="AP85" s="105">
        <v>0.64747045745469545</v>
      </c>
      <c r="AQ85" s="95">
        <v>2.7860560048480469E-2</v>
      </c>
      <c r="AR85" s="94">
        <v>7.1064626214559527E-3</v>
      </c>
      <c r="AS85" s="95">
        <v>5.4389111607637828E-3</v>
      </c>
    </row>
    <row r="86" spans="1:45">
      <c r="A86" s="55" t="s">
        <v>586</v>
      </c>
      <c r="B86" s="98">
        <v>572</v>
      </c>
      <c r="C86" s="99">
        <v>5.1194044410419686</v>
      </c>
      <c r="D86" s="100">
        <v>0.12931358543157687</v>
      </c>
      <c r="E86" s="101">
        <v>0.16605362978280766</v>
      </c>
      <c r="F86" s="92">
        <v>3.118307668335699E-2</v>
      </c>
      <c r="G86" s="101">
        <v>0.12588239851168412</v>
      </c>
      <c r="H86" s="92">
        <v>2.7885332491294962E-2</v>
      </c>
      <c r="I86" s="101">
        <v>0.67767806788582519</v>
      </c>
      <c r="J86" s="92">
        <v>3.8986059381957969E-2</v>
      </c>
      <c r="K86" s="91">
        <v>3.0385903819682234E-2</v>
      </c>
      <c r="L86" s="92">
        <v>1.5026593236785832E-2</v>
      </c>
      <c r="M86" s="98">
        <v>571</v>
      </c>
      <c r="N86" s="99">
        <v>4.9994705078061106</v>
      </c>
      <c r="O86" s="100">
        <v>0.11645232695993163</v>
      </c>
      <c r="P86" s="101">
        <v>0.15564773327477902</v>
      </c>
      <c r="Q86" s="92">
        <v>3.0424882906560854E-2</v>
      </c>
      <c r="R86" s="101">
        <v>0.1809875509910718</v>
      </c>
      <c r="S86" s="92">
        <v>3.2264348145095698E-2</v>
      </c>
      <c r="T86" s="101">
        <v>0.64301314634545637</v>
      </c>
      <c r="U86" s="92">
        <v>3.9985285148848325E-2</v>
      </c>
      <c r="V86" s="91">
        <v>2.0351569388691853E-2</v>
      </c>
      <c r="W86" s="92">
        <v>1.268401821943913E-2</v>
      </c>
      <c r="X86" s="98">
        <v>567</v>
      </c>
      <c r="Y86" s="99">
        <v>4.9196836469422687</v>
      </c>
      <c r="Z86" s="100">
        <v>0.13066124296628179</v>
      </c>
      <c r="AA86" s="101">
        <v>0.15340315693310547</v>
      </c>
      <c r="AB86" s="92">
        <v>3.0356643280842647E-2</v>
      </c>
      <c r="AC86" s="101">
        <v>0.1682077155145679</v>
      </c>
      <c r="AD86" s="92">
        <v>3.1478549123294647E-2</v>
      </c>
      <c r="AE86" s="101">
        <v>0.63239483955808629</v>
      </c>
      <c r="AF86" s="92">
        <v>4.0376193153173305E-2</v>
      </c>
      <c r="AG86" s="91">
        <v>4.599428799423922E-2</v>
      </c>
      <c r="AH86" s="92">
        <v>1.809810990883938E-2</v>
      </c>
      <c r="AI86" s="98">
        <v>569</v>
      </c>
      <c r="AJ86" s="99">
        <v>5.2148461496571104</v>
      </c>
      <c r="AK86" s="100">
        <v>0.11953165933050849</v>
      </c>
      <c r="AL86" s="106">
        <v>0.12093392305672843</v>
      </c>
      <c r="AM86" s="92">
        <v>2.7496858820722496E-2</v>
      </c>
      <c r="AN86" s="101">
        <v>0.13692027719288935</v>
      </c>
      <c r="AO86" s="92">
        <v>2.8943853178671455E-2</v>
      </c>
      <c r="AP86" s="101">
        <v>0.72899553482763135</v>
      </c>
      <c r="AQ86" s="92">
        <v>3.7205210992055746E-2</v>
      </c>
      <c r="AR86" s="91">
        <v>1.3150264922749979E-2</v>
      </c>
      <c r="AS86" s="92">
        <v>1.0658920152870536E-2</v>
      </c>
    </row>
    <row r="87" spans="1:45">
      <c r="A87" s="47" t="s">
        <v>584</v>
      </c>
      <c r="B87" s="102">
        <v>193</v>
      </c>
      <c r="C87" s="103">
        <v>4.4303649107665208</v>
      </c>
      <c r="D87" s="104">
        <v>0.26656089060938992</v>
      </c>
      <c r="E87" s="105">
        <v>0.29702859369123369</v>
      </c>
      <c r="F87" s="95">
        <v>6.5370263513090152E-2</v>
      </c>
      <c r="G87" s="105">
        <v>0.13903955800446366</v>
      </c>
      <c r="H87" s="95">
        <v>5.0368168683483046E-2</v>
      </c>
      <c r="I87" s="105">
        <v>0.52463052102631846</v>
      </c>
      <c r="J87" s="95">
        <v>7.11640306344795E-2</v>
      </c>
      <c r="K87" s="94">
        <v>3.9301327277984306E-2</v>
      </c>
      <c r="L87" s="95">
        <v>3.0657182950506012E-2</v>
      </c>
      <c r="M87" s="102">
        <v>188</v>
      </c>
      <c r="N87" s="103">
        <v>4.6310560991361172</v>
      </c>
      <c r="O87" s="104">
        <v>0.25752737472958503</v>
      </c>
      <c r="P87" s="105">
        <v>0.21730115154965443</v>
      </c>
      <c r="Q87" s="95">
        <v>6.0100023825516713E-2</v>
      </c>
      <c r="R87" s="105">
        <v>0.15431279163261494</v>
      </c>
      <c r="S87" s="95">
        <v>5.311693854977375E-2</v>
      </c>
      <c r="T87" s="105">
        <v>0.6080829314551679</v>
      </c>
      <c r="U87" s="95">
        <v>7.0533643910771507E-2</v>
      </c>
      <c r="V87" s="94">
        <v>2.0303125362562558E-2</v>
      </c>
      <c r="W87" s="95">
        <v>2.4739860523836726E-2</v>
      </c>
      <c r="X87" s="102">
        <v>189</v>
      </c>
      <c r="Y87" s="103">
        <v>4.3038818037231117</v>
      </c>
      <c r="Z87" s="104">
        <v>0.26468841340981081</v>
      </c>
      <c r="AA87" s="105">
        <v>0.30260579815508026</v>
      </c>
      <c r="AB87" s="95">
        <v>6.6384638308965793E-2</v>
      </c>
      <c r="AC87" s="105">
        <v>0.13765064511367497</v>
      </c>
      <c r="AD87" s="95">
        <v>5.0712828071765116E-2</v>
      </c>
      <c r="AE87" s="105">
        <v>0.51652005934524103</v>
      </c>
      <c r="AF87" s="95">
        <v>7.1943887582229124E-2</v>
      </c>
      <c r="AG87" s="94">
        <v>4.3223497386003847E-2</v>
      </c>
      <c r="AH87" s="95">
        <v>3.2163472680157339E-2</v>
      </c>
      <c r="AI87" s="102">
        <v>191</v>
      </c>
      <c r="AJ87" s="103">
        <v>4.9258303658337459</v>
      </c>
      <c r="AK87" s="104">
        <v>0.25255993725073411</v>
      </c>
      <c r="AL87" s="105">
        <v>0.19140313299320738</v>
      </c>
      <c r="AM87" s="95">
        <v>5.7044266619876265E-2</v>
      </c>
      <c r="AN87" s="105">
        <v>0.16674408454492659</v>
      </c>
      <c r="AO87" s="95">
        <v>5.4245415933693843E-2</v>
      </c>
      <c r="AP87" s="105">
        <v>0.63262404431462671</v>
      </c>
      <c r="AQ87" s="95">
        <v>6.9152387268008597E-2</v>
      </c>
      <c r="AR87" s="94">
        <v>9.2287381472393008E-3</v>
      </c>
      <c r="AS87" s="95">
        <v>1.9702146948654076E-2</v>
      </c>
    </row>
    <row r="88" spans="1:45">
      <c r="A88" s="55" t="s">
        <v>587</v>
      </c>
      <c r="B88" s="98">
        <v>8981</v>
      </c>
      <c r="C88" s="99">
        <v>4.7666182486499027</v>
      </c>
      <c r="D88" s="100">
        <v>3.3358865401413321E-2</v>
      </c>
      <c r="E88" s="101">
        <v>0.18985951247903096</v>
      </c>
      <c r="F88" s="92">
        <v>8.2772896006663588E-3</v>
      </c>
      <c r="G88" s="101">
        <v>0.1931484328529631</v>
      </c>
      <c r="H88" s="92">
        <v>8.3316329760338651E-3</v>
      </c>
      <c r="I88" s="101">
        <v>0.59433743776696335</v>
      </c>
      <c r="J88" s="92">
        <v>1.0360413722717583E-2</v>
      </c>
      <c r="K88" s="91">
        <v>2.2654616901051652E-2</v>
      </c>
      <c r="L88" s="92">
        <v>3.1539408670282704E-3</v>
      </c>
      <c r="M88" s="98">
        <v>8927</v>
      </c>
      <c r="N88" s="99">
        <v>4.8692024837761476</v>
      </c>
      <c r="O88" s="100">
        <v>2.9744060487070279E-2</v>
      </c>
      <c r="P88" s="101">
        <v>0.14990965472270176</v>
      </c>
      <c r="Q88" s="92">
        <v>7.5581280393611054E-3</v>
      </c>
      <c r="R88" s="101">
        <v>0.21627630211054105</v>
      </c>
      <c r="S88" s="92">
        <v>8.7148164554502611E-3</v>
      </c>
      <c r="T88" s="101">
        <v>0.61714656787213973</v>
      </c>
      <c r="U88" s="92">
        <v>1.0287306444939611E-2</v>
      </c>
      <c r="V88" s="91">
        <v>1.6667475294625839E-2</v>
      </c>
      <c r="W88" s="92">
        <v>2.7265870333591977E-3</v>
      </c>
      <c r="X88" s="98">
        <v>8936</v>
      </c>
      <c r="Y88" s="99">
        <v>4.541931333513852</v>
      </c>
      <c r="Z88" s="100">
        <v>3.2989860087917211E-2</v>
      </c>
      <c r="AA88" s="101">
        <v>0.20789032995837428</v>
      </c>
      <c r="AB88" s="92">
        <v>8.5856203540682265E-3</v>
      </c>
      <c r="AC88" s="101">
        <v>0.22859389591997764</v>
      </c>
      <c r="AD88" s="92">
        <v>8.8841569781572659E-3</v>
      </c>
      <c r="AE88" s="101">
        <v>0.51638899704987362</v>
      </c>
      <c r="AF88" s="92">
        <v>1.0570560636063965E-2</v>
      </c>
      <c r="AG88" s="91">
        <v>4.7126777071784122E-2</v>
      </c>
      <c r="AH88" s="92">
        <v>4.491569649487181E-3</v>
      </c>
      <c r="AI88" s="98">
        <v>8923</v>
      </c>
      <c r="AJ88" s="99">
        <v>5.0421992789356533</v>
      </c>
      <c r="AK88" s="100">
        <v>3.0554771082071181E-2</v>
      </c>
      <c r="AL88" s="106">
        <v>0.13166067239705959</v>
      </c>
      <c r="AM88" s="92">
        <v>7.1611168207705404E-3</v>
      </c>
      <c r="AN88" s="101">
        <v>0.18777107371847643</v>
      </c>
      <c r="AO88" s="92">
        <v>8.2690405865302359E-3</v>
      </c>
      <c r="AP88" s="101">
        <v>0.67147358040276894</v>
      </c>
      <c r="AQ88" s="92">
        <v>9.9426642452170415E-3</v>
      </c>
      <c r="AR88" s="91">
        <v>9.094673481701683E-3</v>
      </c>
      <c r="AS88" s="92">
        <v>2.033424663983199E-3</v>
      </c>
    </row>
    <row r="90" spans="1:45" ht="18.75">
      <c r="A90" s="337" t="s">
        <v>226</v>
      </c>
      <c r="B90" s="337"/>
      <c r="C90" s="337"/>
      <c r="D90" s="337"/>
      <c r="E90" s="337"/>
      <c r="F90" s="337"/>
      <c r="G90" s="337"/>
      <c r="H90" s="337"/>
      <c r="I90" s="337"/>
      <c r="J90" s="337"/>
      <c r="K90" s="337"/>
      <c r="L90" s="337"/>
      <c r="M90" s="337"/>
      <c r="N90" s="337"/>
      <c r="O90" s="337"/>
      <c r="P90" s="337"/>
      <c r="Q90" s="337"/>
      <c r="R90" s="337"/>
      <c r="S90" s="337"/>
      <c r="T90" s="337"/>
      <c r="U90" s="337"/>
      <c r="V90" s="337"/>
      <c r="W90" s="337"/>
      <c r="X90" s="337"/>
      <c r="Y90" s="337"/>
      <c r="Z90" s="337"/>
      <c r="AA90" s="337"/>
      <c r="AB90" s="337"/>
      <c r="AC90" s="337"/>
      <c r="AD90" s="337"/>
      <c r="AE90" s="337"/>
      <c r="AF90" s="337"/>
      <c r="AG90" s="337"/>
      <c r="AH90" s="337"/>
    </row>
    <row r="91" spans="1:45" ht="66" customHeight="1">
      <c r="A91" s="369" t="s">
        <v>528</v>
      </c>
      <c r="B91" s="369"/>
      <c r="C91" s="369"/>
      <c r="D91" s="369"/>
      <c r="E91" s="369"/>
      <c r="F91" s="369"/>
      <c r="G91" s="369"/>
      <c r="H91" s="369"/>
      <c r="I91" s="369"/>
      <c r="J91" s="369"/>
      <c r="K91" s="369"/>
      <c r="L91" s="369"/>
      <c r="M91" s="369"/>
      <c r="N91" s="369"/>
      <c r="O91" s="369"/>
      <c r="P91" s="369"/>
      <c r="Q91" s="369"/>
      <c r="R91" s="369"/>
      <c r="S91" s="369"/>
      <c r="T91" s="369"/>
      <c r="U91" s="369"/>
      <c r="V91" s="369"/>
      <c r="W91" s="369"/>
      <c r="X91" s="369"/>
      <c r="Y91" s="369"/>
      <c r="Z91" s="369"/>
      <c r="AA91" s="369"/>
      <c r="AB91" s="369"/>
      <c r="AC91" s="369"/>
      <c r="AD91" s="369"/>
      <c r="AE91" s="369"/>
      <c r="AF91" s="369"/>
      <c r="AG91" s="369"/>
      <c r="AH91" s="369"/>
    </row>
    <row r="92" spans="1:45" ht="45.75" customHeight="1">
      <c r="A92" s="107"/>
      <c r="B92" s="359" t="s">
        <v>319</v>
      </c>
      <c r="C92" s="360"/>
      <c r="D92" s="360"/>
      <c r="E92" s="360"/>
      <c r="F92" s="360"/>
      <c r="G92" s="360"/>
      <c r="H92" s="360"/>
      <c r="I92" s="360"/>
      <c r="J92" s="360"/>
      <c r="K92" s="360"/>
      <c r="L92" s="361"/>
      <c r="M92" s="363" t="s">
        <v>227</v>
      </c>
      <c r="N92" s="364"/>
      <c r="O92" s="364"/>
      <c r="P92" s="364"/>
      <c r="Q92" s="364"/>
      <c r="R92" s="364"/>
      <c r="S92" s="364"/>
      <c r="T92" s="364"/>
      <c r="U92" s="364"/>
      <c r="V92" s="364"/>
      <c r="W92" s="365"/>
      <c r="X92" s="359" t="s">
        <v>366</v>
      </c>
      <c r="Y92" s="360"/>
      <c r="Z92" s="360"/>
      <c r="AA92" s="360"/>
      <c r="AB92" s="360"/>
      <c r="AC92" s="360"/>
      <c r="AD92" s="360"/>
      <c r="AE92" s="360"/>
      <c r="AF92" s="360"/>
      <c r="AG92" s="360"/>
      <c r="AH92" s="361"/>
    </row>
    <row r="93" spans="1:45" ht="66" customHeight="1">
      <c r="A93" s="35" t="s">
        <v>70</v>
      </c>
      <c r="B93" s="36" t="s">
        <v>71</v>
      </c>
      <c r="C93" s="36" t="s">
        <v>551</v>
      </c>
      <c r="D93" s="256" t="s">
        <v>72</v>
      </c>
      <c r="E93" s="36" t="s">
        <v>155</v>
      </c>
      <c r="F93" s="87" t="s">
        <v>84</v>
      </c>
      <c r="G93" s="36" t="s">
        <v>156</v>
      </c>
      <c r="H93" s="87" t="s">
        <v>85</v>
      </c>
      <c r="I93" s="36" t="s">
        <v>157</v>
      </c>
      <c r="J93" s="87" t="s">
        <v>86</v>
      </c>
      <c r="K93" s="36" t="s">
        <v>300</v>
      </c>
      <c r="L93" s="87" t="s">
        <v>299</v>
      </c>
      <c r="M93" s="63" t="s">
        <v>71</v>
      </c>
      <c r="N93" s="63" t="s">
        <v>551</v>
      </c>
      <c r="O93" s="258" t="s">
        <v>72</v>
      </c>
      <c r="P93" s="63" t="s">
        <v>344</v>
      </c>
      <c r="Q93" s="86" t="s">
        <v>345</v>
      </c>
      <c r="R93" s="63" t="s">
        <v>341</v>
      </c>
      <c r="S93" s="86" t="s">
        <v>343</v>
      </c>
      <c r="T93" s="63" t="s">
        <v>346</v>
      </c>
      <c r="U93" s="86" t="s">
        <v>347</v>
      </c>
      <c r="V93" s="63" t="s">
        <v>300</v>
      </c>
      <c r="W93" s="86" t="s">
        <v>314</v>
      </c>
      <c r="X93" s="36" t="s">
        <v>71</v>
      </c>
      <c r="Y93" s="36" t="s">
        <v>551</v>
      </c>
      <c r="Z93" s="256" t="s">
        <v>72</v>
      </c>
      <c r="AA93" s="36" t="s">
        <v>367</v>
      </c>
      <c r="AB93" s="87" t="s">
        <v>368</v>
      </c>
      <c r="AC93" s="36" t="s">
        <v>369</v>
      </c>
      <c r="AD93" s="87" t="s">
        <v>370</v>
      </c>
      <c r="AE93" s="36" t="s">
        <v>371</v>
      </c>
      <c r="AF93" s="87" t="s">
        <v>372</v>
      </c>
      <c r="AG93" s="36" t="s">
        <v>300</v>
      </c>
      <c r="AH93" s="87" t="s">
        <v>299</v>
      </c>
    </row>
    <row r="94" spans="1:45" ht="99.75" customHeight="1">
      <c r="A94" s="39"/>
      <c r="B94" s="40" t="s">
        <v>73</v>
      </c>
      <c r="C94" s="40" t="s">
        <v>301</v>
      </c>
      <c r="D94" s="257" t="s">
        <v>75</v>
      </c>
      <c r="E94" s="40" t="s">
        <v>158</v>
      </c>
      <c r="F94" s="89" t="s">
        <v>87</v>
      </c>
      <c r="G94" s="40" t="s">
        <v>159</v>
      </c>
      <c r="H94" s="89" t="s">
        <v>87</v>
      </c>
      <c r="I94" s="40" t="s">
        <v>160</v>
      </c>
      <c r="J94" s="89" t="s">
        <v>87</v>
      </c>
      <c r="K94" s="40" t="s">
        <v>300</v>
      </c>
      <c r="L94" s="89" t="s">
        <v>87</v>
      </c>
      <c r="M94" s="66" t="s">
        <v>73</v>
      </c>
      <c r="N94" s="66" t="s">
        <v>302</v>
      </c>
      <c r="O94" s="259" t="s">
        <v>75</v>
      </c>
      <c r="P94" s="66" t="s">
        <v>340</v>
      </c>
      <c r="Q94" s="88" t="s">
        <v>87</v>
      </c>
      <c r="R94" s="66" t="s">
        <v>342</v>
      </c>
      <c r="S94" s="88" t="s">
        <v>87</v>
      </c>
      <c r="T94" s="66" t="s">
        <v>158</v>
      </c>
      <c r="U94" s="88" t="s">
        <v>87</v>
      </c>
      <c r="V94" s="66" t="s">
        <v>300</v>
      </c>
      <c r="W94" s="88" t="s">
        <v>87</v>
      </c>
      <c r="X94" s="40" t="s">
        <v>73</v>
      </c>
      <c r="Y94" s="40" t="s">
        <v>301</v>
      </c>
      <c r="Z94" s="257" t="s">
        <v>75</v>
      </c>
      <c r="AA94" s="40" t="s">
        <v>373</v>
      </c>
      <c r="AB94" s="89" t="s">
        <v>374</v>
      </c>
      <c r="AC94" s="40" t="s">
        <v>375</v>
      </c>
      <c r="AD94" s="89" t="s">
        <v>87</v>
      </c>
      <c r="AE94" s="40" t="s">
        <v>376</v>
      </c>
      <c r="AF94" s="89" t="s">
        <v>87</v>
      </c>
      <c r="AG94" s="40" t="s">
        <v>300</v>
      </c>
      <c r="AH94" s="89" t="s">
        <v>87</v>
      </c>
    </row>
    <row r="95" spans="1:45">
      <c r="A95" s="43" t="s">
        <v>348</v>
      </c>
      <c r="B95" s="110">
        <v>13860</v>
      </c>
      <c r="C95" s="45">
        <v>3.4344054400133501</v>
      </c>
      <c r="D95" s="46">
        <v>3.4901934531529712E-2</v>
      </c>
      <c r="E95" s="111">
        <v>0.52652880844819483</v>
      </c>
      <c r="F95" s="92">
        <v>8.4809386825359465E-3</v>
      </c>
      <c r="G95" s="111">
        <v>0.127734730114479</v>
      </c>
      <c r="H95" s="92">
        <v>5.671791781730307E-3</v>
      </c>
      <c r="I95" s="111">
        <v>0.31602429494402545</v>
      </c>
      <c r="J95" s="92">
        <v>7.8974322931968897E-3</v>
      </c>
      <c r="K95" s="91">
        <v>2.9712166493315654E-2</v>
      </c>
      <c r="L95" s="92">
        <v>2.8904282332363417E-3</v>
      </c>
      <c r="M95" s="110">
        <v>13927</v>
      </c>
      <c r="N95" s="45">
        <v>3.5790312707883745</v>
      </c>
      <c r="O95" s="46">
        <v>3.2156238078187627E-2</v>
      </c>
      <c r="P95" s="111">
        <v>0.14401396537196057</v>
      </c>
      <c r="Q95" s="92">
        <v>5.9511737220716236E-3</v>
      </c>
      <c r="R95" s="111">
        <v>0.33613620538888489</v>
      </c>
      <c r="S95" s="92">
        <v>8.0048093042382421E-3</v>
      </c>
      <c r="T95" s="111">
        <v>0.44604555289978853</v>
      </c>
      <c r="U95" s="92">
        <v>8.4230029339856776E-3</v>
      </c>
      <c r="V95" s="91">
        <v>7.3804276339382899E-2</v>
      </c>
      <c r="W95" s="92">
        <v>4.4336566255393272E-3</v>
      </c>
      <c r="X95" s="110">
        <v>13919</v>
      </c>
      <c r="Y95" s="45">
        <v>2.0177609801573295</v>
      </c>
      <c r="Z95" s="46">
        <v>2.0367340202541478E-2</v>
      </c>
      <c r="AA95" s="111">
        <v>0.68393995197501301</v>
      </c>
      <c r="AB95" s="92">
        <v>7.8809195994037958E-3</v>
      </c>
      <c r="AC95" s="111">
        <v>0.13351294498901081</v>
      </c>
      <c r="AD95" s="92">
        <v>5.7670152588268639E-3</v>
      </c>
      <c r="AE95" s="111">
        <v>0.14884870366073591</v>
      </c>
      <c r="AF95" s="92">
        <v>6.0347721819283343E-3</v>
      </c>
      <c r="AG95" s="91">
        <v>3.3698399375253284E-2</v>
      </c>
      <c r="AH95" s="92">
        <v>3.0644744644798606E-3</v>
      </c>
    </row>
    <row r="96" spans="1:45">
      <c r="A96" s="47" t="s">
        <v>349</v>
      </c>
      <c r="B96" s="112">
        <v>10153</v>
      </c>
      <c r="C96" s="49">
        <v>3.177751594024719</v>
      </c>
      <c r="D96" s="50">
        <v>4.03678665594569E-2</v>
      </c>
      <c r="E96" s="113">
        <v>0.58848719488128598</v>
      </c>
      <c r="F96" s="95">
        <v>9.7659159841971162E-3</v>
      </c>
      <c r="G96" s="113">
        <v>0.11527214411866142</v>
      </c>
      <c r="H96" s="95">
        <v>6.3410670281532685E-3</v>
      </c>
      <c r="I96" s="113">
        <v>0.27010593416162559</v>
      </c>
      <c r="J96" s="95">
        <v>8.8123164628331127E-3</v>
      </c>
      <c r="K96" s="94">
        <v>2.6134726838419383E-2</v>
      </c>
      <c r="L96" s="95">
        <v>3.1769407662610837E-3</v>
      </c>
      <c r="M96" s="112">
        <v>10152</v>
      </c>
      <c r="N96" s="49">
        <v>3.7864873783669335</v>
      </c>
      <c r="O96" s="50">
        <v>3.8269137389477188E-2</v>
      </c>
      <c r="P96" s="113">
        <v>0.19346062009017703</v>
      </c>
      <c r="Q96" s="95">
        <v>7.8411667617184523E-3</v>
      </c>
      <c r="R96" s="113">
        <v>0.3273272481485836</v>
      </c>
      <c r="S96" s="95">
        <v>9.3128970879132536E-3</v>
      </c>
      <c r="T96" s="113">
        <v>0.40498913371523143</v>
      </c>
      <c r="U96" s="95">
        <v>9.7422482007348092E-3</v>
      </c>
      <c r="V96" s="94">
        <v>7.4222998046008404E-2</v>
      </c>
      <c r="W96" s="95">
        <v>5.2076502345800519E-3</v>
      </c>
      <c r="X96" s="112">
        <v>10246</v>
      </c>
      <c r="Y96" s="49">
        <v>1.8433284416922264</v>
      </c>
      <c r="Z96" s="50">
        <v>2.2634443350480385E-2</v>
      </c>
      <c r="AA96" s="113">
        <v>0.74628473448186683</v>
      </c>
      <c r="AB96" s="95">
        <v>8.5970196021115299E-3</v>
      </c>
      <c r="AC96" s="113">
        <v>0.1025123468959812</v>
      </c>
      <c r="AD96" s="95">
        <v>5.9959939751275289E-3</v>
      </c>
      <c r="AE96" s="113">
        <v>0.12194513242785499</v>
      </c>
      <c r="AF96" s="95">
        <v>6.4675112093465943E-3</v>
      </c>
      <c r="AG96" s="94">
        <v>2.9257786194288496E-2</v>
      </c>
      <c r="AH96" s="95">
        <v>3.3393260083266017E-3</v>
      </c>
    </row>
    <row r="97" spans="1:34">
      <c r="A97" s="43" t="s">
        <v>350</v>
      </c>
      <c r="B97" s="81">
        <v>3707</v>
      </c>
      <c r="C97" s="45">
        <v>3.6431446113090811</v>
      </c>
      <c r="D97" s="46">
        <v>6.6689194060784218E-2</v>
      </c>
      <c r="E97" s="96">
        <v>0.47647208735410329</v>
      </c>
      <c r="F97" s="92">
        <v>1.6397370494217311E-2</v>
      </c>
      <c r="G97" s="96">
        <v>0.13780336209825444</v>
      </c>
      <c r="H97" s="92">
        <v>1.1330095210914055E-2</v>
      </c>
      <c r="I97" s="96">
        <v>0.35312213933774822</v>
      </c>
      <c r="J97" s="92">
        <v>1.5692867841079195E-2</v>
      </c>
      <c r="K97" s="91">
        <v>3.2602411209894024E-2</v>
      </c>
      <c r="L97" s="92">
        <v>5.8739280815192666E-3</v>
      </c>
      <c r="M97" s="81">
        <v>3775</v>
      </c>
      <c r="N97" s="45">
        <v>3.4146449559148517</v>
      </c>
      <c r="O97" s="46">
        <v>5.5997310724006197E-2</v>
      </c>
      <c r="P97" s="96">
        <v>0.10480111529791597</v>
      </c>
      <c r="Q97" s="92">
        <v>9.9826946460275529E-3</v>
      </c>
      <c r="R97" s="96">
        <v>0.34312200294264111</v>
      </c>
      <c r="S97" s="92">
        <v>1.5447505329471686E-2</v>
      </c>
      <c r="T97" s="96">
        <v>0.47860466573027421</v>
      </c>
      <c r="U97" s="92">
        <v>1.625228489954917E-2</v>
      </c>
      <c r="V97" s="91">
        <v>7.3472216029168771E-2</v>
      </c>
      <c r="W97" s="92">
        <v>8.5124926347808164E-3</v>
      </c>
      <c r="X97" s="81">
        <v>3673</v>
      </c>
      <c r="Y97" s="45">
        <v>2.163001839596332</v>
      </c>
      <c r="Z97" s="46">
        <v>4.2903441087517251E-2</v>
      </c>
      <c r="AA97" s="96">
        <v>0.63246224877067336</v>
      </c>
      <c r="AB97" s="92">
        <v>1.5903294473592011E-2</v>
      </c>
      <c r="AC97" s="96">
        <v>0.15910994803595579</v>
      </c>
      <c r="AD97" s="92">
        <v>1.2075668547078908E-2</v>
      </c>
      <c r="AE97" s="96">
        <v>0.17106281684510571</v>
      </c>
      <c r="AF97" s="92">
        <v>1.2430305465520444E-2</v>
      </c>
      <c r="AG97" s="91">
        <v>3.7364986348263976E-2</v>
      </c>
      <c r="AH97" s="92">
        <v>6.295614559716012E-3</v>
      </c>
    </row>
    <row r="98" spans="1:34">
      <c r="A98" s="47" t="s">
        <v>574</v>
      </c>
      <c r="B98" s="112">
        <v>4977</v>
      </c>
      <c r="C98" s="49">
        <v>3.5795342983176255</v>
      </c>
      <c r="D98" s="50">
        <v>5.8135421336375157E-2</v>
      </c>
      <c r="E98" s="113">
        <v>0.49314402540225438</v>
      </c>
      <c r="F98" s="95">
        <v>1.4167752562381277E-2</v>
      </c>
      <c r="G98" s="113">
        <v>0.13247424332805166</v>
      </c>
      <c r="H98" s="95">
        <v>9.6158570334771241E-3</v>
      </c>
      <c r="I98" s="113">
        <v>0.3421669032016964</v>
      </c>
      <c r="J98" s="95">
        <v>1.3445816001549369E-2</v>
      </c>
      <c r="K98" s="94">
        <v>3.2214828067998844E-2</v>
      </c>
      <c r="L98" s="95">
        <v>5.0317876571022782E-3</v>
      </c>
      <c r="M98" s="112">
        <v>5029</v>
      </c>
      <c r="N98" s="49">
        <v>3.3408438804078298</v>
      </c>
      <c r="O98" s="50">
        <v>4.8939532859766349E-2</v>
      </c>
      <c r="P98" s="113">
        <v>9.9945363963448178E-2</v>
      </c>
      <c r="Q98" s="95">
        <v>8.4673061618217131E-3</v>
      </c>
      <c r="R98" s="113">
        <v>0.32945352125069632</v>
      </c>
      <c r="S98" s="95">
        <v>1.3251757257374484E-2</v>
      </c>
      <c r="T98" s="113">
        <v>0.49326208561284252</v>
      </c>
      <c r="U98" s="95">
        <v>1.4094418425468691E-2</v>
      </c>
      <c r="V98" s="94">
        <v>7.7339029173014898E-2</v>
      </c>
      <c r="W98" s="95">
        <v>7.545690719012752E-3</v>
      </c>
      <c r="X98" s="112">
        <v>4966</v>
      </c>
      <c r="Y98" s="49">
        <v>2.1114137415630378</v>
      </c>
      <c r="Z98" s="50">
        <v>3.6371547705648648E-2</v>
      </c>
      <c r="AA98" s="113">
        <v>0.65097043474397154</v>
      </c>
      <c r="AB98" s="95">
        <v>1.3523795274982944E-2</v>
      </c>
      <c r="AC98" s="113">
        <v>0.15303269732561883</v>
      </c>
      <c r="AD98" s="95">
        <v>1.0221191292987574E-2</v>
      </c>
      <c r="AE98" s="113">
        <v>0.16068277065970701</v>
      </c>
      <c r="AF98" s="95">
        <v>1.0425517108185183E-2</v>
      </c>
      <c r="AG98" s="94">
        <v>3.5314097270703816E-2</v>
      </c>
      <c r="AH98" s="95">
        <v>5.2628648688301839E-3</v>
      </c>
    </row>
    <row r="99" spans="1:34">
      <c r="A99" s="43" t="s">
        <v>575</v>
      </c>
      <c r="B99" s="81">
        <v>5119</v>
      </c>
      <c r="C99" s="45">
        <v>2.9590523035537961</v>
      </c>
      <c r="D99" s="46">
        <v>5.5297367919788461E-2</v>
      </c>
      <c r="E99" s="96">
        <v>0.63403127960923089</v>
      </c>
      <c r="F99" s="92">
        <v>1.3460815901906179E-2</v>
      </c>
      <c r="G99" s="96">
        <v>0.11125719288891898</v>
      </c>
      <c r="H99" s="92">
        <v>8.7970558324385814E-3</v>
      </c>
      <c r="I99" s="96">
        <v>0.23247170361051636</v>
      </c>
      <c r="J99" s="92">
        <v>1.1806902760953739E-2</v>
      </c>
      <c r="K99" s="91">
        <v>2.2239823891333815E-2</v>
      </c>
      <c r="L99" s="92">
        <v>4.1541180341575978E-3</v>
      </c>
      <c r="M99" s="81">
        <v>5111</v>
      </c>
      <c r="N99" s="45">
        <v>3.6826251674111172</v>
      </c>
      <c r="O99" s="46">
        <v>5.2543698486214964E-2</v>
      </c>
      <c r="P99" s="96">
        <v>0.16049511508457207</v>
      </c>
      <c r="Q99" s="92">
        <v>1.0271643358533741E-2</v>
      </c>
      <c r="R99" s="96">
        <v>0.34908365257759949</v>
      </c>
      <c r="S99" s="92">
        <v>1.3331178634475032E-2</v>
      </c>
      <c r="T99" s="96">
        <v>0.41283253045452611</v>
      </c>
      <c r="U99" s="92">
        <v>1.3768472673626785E-2</v>
      </c>
      <c r="V99" s="91">
        <v>7.7588701883303884E-2</v>
      </c>
      <c r="W99" s="92">
        <v>7.4957222104127426E-3</v>
      </c>
      <c r="X99" s="81">
        <v>5163</v>
      </c>
      <c r="Y99" s="45">
        <v>1.7445788420437847</v>
      </c>
      <c r="Z99" s="46">
        <v>3.081659743036257E-2</v>
      </c>
      <c r="AA99" s="96">
        <v>0.77976743743421939</v>
      </c>
      <c r="AB99" s="92">
        <v>1.1534192592657682E-2</v>
      </c>
      <c r="AC99" s="96">
        <v>7.9342292180226856E-2</v>
      </c>
      <c r="AD99" s="92">
        <v>7.5339865117461987E-3</v>
      </c>
      <c r="AE99" s="96">
        <v>0.11362936676137483</v>
      </c>
      <c r="AF99" s="92">
        <v>8.8401837840392308E-3</v>
      </c>
      <c r="AG99" s="91">
        <v>2.7260903624179531E-2</v>
      </c>
      <c r="AH99" s="92">
        <v>4.5602966383591322E-3</v>
      </c>
    </row>
    <row r="100" spans="1:34">
      <c r="A100" s="47" t="s">
        <v>576</v>
      </c>
      <c r="B100" s="112">
        <v>3114</v>
      </c>
      <c r="C100" s="49">
        <v>3.2504587055419214</v>
      </c>
      <c r="D100" s="50">
        <v>7.2825563832187107E-2</v>
      </c>
      <c r="E100" s="113">
        <v>0.57351923802741422</v>
      </c>
      <c r="F100" s="95">
        <v>1.7714461783134433E-2</v>
      </c>
      <c r="G100" s="113">
        <v>0.12150339382712906</v>
      </c>
      <c r="H100" s="95">
        <v>1.1722012728129221E-2</v>
      </c>
      <c r="I100" s="113">
        <v>0.27739790051369317</v>
      </c>
      <c r="J100" s="95">
        <v>1.604097386985319E-2</v>
      </c>
      <c r="K100" s="94">
        <v>2.7579467631757087E-2</v>
      </c>
      <c r="L100" s="95">
        <v>5.9278427567918133E-3</v>
      </c>
      <c r="M100" s="112">
        <v>3114</v>
      </c>
      <c r="N100" s="49">
        <v>4.7637833835285894</v>
      </c>
      <c r="O100" s="50">
        <v>6.2356956402176117E-2</v>
      </c>
      <c r="P100" s="113">
        <v>0.36038183681942665</v>
      </c>
      <c r="Q100" s="95">
        <v>1.7198115531952055E-2</v>
      </c>
      <c r="R100" s="113">
        <v>0.36831700626862068</v>
      </c>
      <c r="S100" s="95">
        <v>1.7278017628831719E-2</v>
      </c>
      <c r="T100" s="113">
        <v>0.21980156882814036</v>
      </c>
      <c r="U100" s="95">
        <v>1.4841050058667446E-2</v>
      </c>
      <c r="V100" s="94">
        <v>5.14995880838061E-2</v>
      </c>
      <c r="W100" s="95">
        <v>7.9578069708139167E-3</v>
      </c>
      <c r="X100" s="112">
        <v>3150</v>
      </c>
      <c r="Y100" s="49">
        <v>1.8422456508989811</v>
      </c>
      <c r="Z100" s="50">
        <v>3.9700426159298086E-2</v>
      </c>
      <c r="AA100" s="113">
        <v>0.74646440856577778</v>
      </c>
      <c r="AB100" s="95">
        <v>1.5498860564046993E-2</v>
      </c>
      <c r="AC100" s="113">
        <v>0.10075850607137689</v>
      </c>
      <c r="AD100" s="95">
        <v>1.0743464447330099E-2</v>
      </c>
      <c r="AE100" s="113">
        <v>0.11796212935549689</v>
      </c>
      <c r="AF100" s="95">
        <v>1.1507601890998748E-2</v>
      </c>
      <c r="AG100" s="94">
        <v>3.481495600734303E-2</v>
      </c>
      <c r="AH100" s="95">
        <v>6.581175455976084E-3</v>
      </c>
    </row>
    <row r="101" spans="1:34">
      <c r="A101" s="43" t="s">
        <v>577</v>
      </c>
      <c r="B101" s="81">
        <v>412</v>
      </c>
      <c r="C101" s="45">
        <v>3.9513680526568229</v>
      </c>
      <c r="D101" s="46">
        <v>0.22244573293480399</v>
      </c>
      <c r="E101" s="96">
        <v>0.44054435738157394</v>
      </c>
      <c r="F101" s="92">
        <v>4.8687847953838112E-2</v>
      </c>
      <c r="G101" s="96">
        <v>0.12139962261076176</v>
      </c>
      <c r="H101" s="92">
        <v>3.2434105764359178E-2</v>
      </c>
      <c r="I101" s="96">
        <v>0.41505683199643628</v>
      </c>
      <c r="J101" s="92">
        <v>4.8330069840658456E-2</v>
      </c>
      <c r="K101" s="91">
        <v>2.2999188011227717E-2</v>
      </c>
      <c r="L101" s="92">
        <v>1.6060211688111885E-2</v>
      </c>
      <c r="M101" s="81">
        <v>413</v>
      </c>
      <c r="N101" s="45">
        <v>4.9758885886402915</v>
      </c>
      <c r="O101" s="46">
        <v>0.15770317740060658</v>
      </c>
      <c r="P101" s="96">
        <v>0.42450023226392358</v>
      </c>
      <c r="Q101" s="92">
        <v>4.8419491608089268E-2</v>
      </c>
      <c r="R101" s="96">
        <v>0.37137530980372252</v>
      </c>
      <c r="S101" s="92">
        <v>4.7354124217988007E-2</v>
      </c>
      <c r="T101" s="96">
        <v>0.19460009184096699</v>
      </c>
      <c r="U101" s="92">
        <v>3.8993530728169641E-2</v>
      </c>
      <c r="V101" s="91">
        <v>9.5243660913864273E-3</v>
      </c>
      <c r="W101" s="92">
        <v>1.1599511733544815E-2</v>
      </c>
      <c r="X101" s="81">
        <v>416</v>
      </c>
      <c r="Y101" s="45">
        <v>2.2535217076031535</v>
      </c>
      <c r="Z101" s="46">
        <v>0.13665603570006712</v>
      </c>
      <c r="AA101" s="96">
        <v>0.61381280334447952</v>
      </c>
      <c r="AB101" s="92">
        <v>4.7538676128345184E-2</v>
      </c>
      <c r="AC101" s="96">
        <v>0.14145750509679589</v>
      </c>
      <c r="AD101" s="92">
        <v>3.4348943629472634E-2</v>
      </c>
      <c r="AE101" s="96">
        <v>0.2007458223483588</v>
      </c>
      <c r="AF101" s="92">
        <v>3.9296744934483256E-2</v>
      </c>
      <c r="AG101" s="91">
        <v>4.3983869210365005E-2</v>
      </c>
      <c r="AH101" s="92">
        <v>2.0928766407622982E-2</v>
      </c>
    </row>
    <row r="102" spans="1:34">
      <c r="A102" s="47" t="s">
        <v>578</v>
      </c>
      <c r="B102" s="112">
        <v>142</v>
      </c>
      <c r="C102" s="49">
        <v>3.5517603072186383</v>
      </c>
      <c r="D102" s="50">
        <v>0.36488147390110393</v>
      </c>
      <c r="E102" s="113">
        <v>0.5233626049514486</v>
      </c>
      <c r="F102" s="95">
        <v>8.2675083866073473E-2</v>
      </c>
      <c r="G102" s="113">
        <v>0.12427643918011977</v>
      </c>
      <c r="H102" s="95">
        <v>5.6486411778614132E-2</v>
      </c>
      <c r="I102" s="113">
        <v>0.32814603629614791</v>
      </c>
      <c r="J102" s="95">
        <v>7.7999356581324716E-2</v>
      </c>
      <c r="K102" s="94">
        <v>2.4214919572283108E-2</v>
      </c>
      <c r="L102" s="95">
        <v>3.1345426475815737E-2</v>
      </c>
      <c r="M102" s="112">
        <v>144</v>
      </c>
      <c r="N102" s="49">
        <v>5.0739916917206926</v>
      </c>
      <c r="O102" s="50">
        <v>0.28148354911782403</v>
      </c>
      <c r="P102" s="113">
        <v>0.49503125781174717</v>
      </c>
      <c r="Q102" s="95">
        <v>8.2195651242107551E-2</v>
      </c>
      <c r="R102" s="113">
        <v>0.29616467433918436</v>
      </c>
      <c r="S102" s="95">
        <v>7.5456573063092516E-2</v>
      </c>
      <c r="T102" s="113">
        <v>0.20345115220347712</v>
      </c>
      <c r="U102" s="95">
        <v>6.713200443565992E-2</v>
      </c>
      <c r="V102" s="94">
        <v>5.3529156455908748E-3</v>
      </c>
      <c r="W102" s="95">
        <v>2.228273578745334E-2</v>
      </c>
      <c r="X102" s="112">
        <v>145</v>
      </c>
      <c r="Y102" s="49">
        <v>1.9741895844985251</v>
      </c>
      <c r="Z102" s="50">
        <v>0.21709787736345221</v>
      </c>
      <c r="AA102" s="113">
        <v>0.73359315012668236</v>
      </c>
      <c r="AB102" s="95">
        <v>7.2966779337210144E-2</v>
      </c>
      <c r="AC102" s="113">
        <v>5.0472685136515219E-2</v>
      </c>
      <c r="AD102" s="95">
        <v>3.9672895522552647E-2</v>
      </c>
      <c r="AE102" s="113">
        <v>0.17694660149902802</v>
      </c>
      <c r="AF102" s="95">
        <v>6.370331768315099E-2</v>
      </c>
      <c r="AG102" s="94">
        <v>3.8987563237774081E-2</v>
      </c>
      <c r="AH102" s="95">
        <v>3.6167211468755317E-2</v>
      </c>
    </row>
    <row r="103" spans="1:34">
      <c r="A103" s="43" t="s">
        <v>581</v>
      </c>
      <c r="B103" s="81">
        <v>9780</v>
      </c>
      <c r="C103" s="45">
        <v>3.4692115146524878</v>
      </c>
      <c r="D103" s="46">
        <v>4.1745133721018839E-2</v>
      </c>
      <c r="E103" s="96">
        <v>0.51905797754114313</v>
      </c>
      <c r="F103" s="92">
        <v>1.0102441161462545E-2</v>
      </c>
      <c r="G103" s="96">
        <v>0.12871677420808736</v>
      </c>
      <c r="H103" s="92">
        <v>6.7746539212062938E-3</v>
      </c>
      <c r="I103" s="96">
        <v>0.32143594335094577</v>
      </c>
      <c r="J103" s="92">
        <v>9.4436605337373854E-3</v>
      </c>
      <c r="K103" s="91">
        <v>3.0789304899844015E-2</v>
      </c>
      <c r="L103" s="92">
        <v>3.5033742686202143E-3</v>
      </c>
      <c r="M103" s="81">
        <v>9806</v>
      </c>
      <c r="N103" s="45">
        <v>3.5357627312702626</v>
      </c>
      <c r="O103" s="46">
        <v>3.7987292828243646E-2</v>
      </c>
      <c r="P103" s="96">
        <v>0.13507644569394089</v>
      </c>
      <c r="Q103" s="92">
        <v>6.9051938999983471E-3</v>
      </c>
      <c r="R103" s="96">
        <v>0.33654116018185853</v>
      </c>
      <c r="S103" s="92">
        <v>9.5420736279210258E-3</v>
      </c>
      <c r="T103" s="96">
        <v>0.45456057333943817</v>
      </c>
      <c r="U103" s="92">
        <v>1.0054630428142114E-2</v>
      </c>
      <c r="V103" s="91">
        <v>7.3821820784784858E-2</v>
      </c>
      <c r="W103" s="92">
        <v>5.285729671943947E-3</v>
      </c>
      <c r="X103" s="81">
        <v>9869</v>
      </c>
      <c r="Y103" s="45">
        <v>2.0460283977047222</v>
      </c>
      <c r="Z103" s="46">
        <v>2.4748766205909871E-2</v>
      </c>
      <c r="AA103" s="96">
        <v>0.67508342279884348</v>
      </c>
      <c r="AB103" s="92">
        <v>9.4274593238403651E-3</v>
      </c>
      <c r="AC103" s="96">
        <v>0.13776590810492287</v>
      </c>
      <c r="AD103" s="92">
        <v>6.9403781800078286E-3</v>
      </c>
      <c r="AE103" s="96">
        <v>0.15293584700080279</v>
      </c>
      <c r="AF103" s="92">
        <v>7.2473916710523072E-3</v>
      </c>
      <c r="AG103" s="91">
        <v>3.4214822095451472E-2</v>
      </c>
      <c r="AH103" s="92">
        <v>3.66863733810121E-3</v>
      </c>
    </row>
    <row r="104" spans="1:34">
      <c r="A104" s="47" t="s">
        <v>580</v>
      </c>
      <c r="B104" s="112">
        <v>4004</v>
      </c>
      <c r="C104" s="49">
        <v>3.1500964195110637</v>
      </c>
      <c r="D104" s="50">
        <v>6.3932516157995389E-2</v>
      </c>
      <c r="E104" s="113">
        <v>0.59774352688999266</v>
      </c>
      <c r="F104" s="95">
        <v>1.5491458688773775E-2</v>
      </c>
      <c r="G104" s="113">
        <v>0.11160663404961436</v>
      </c>
      <c r="H104" s="95">
        <v>9.9625816729862586E-3</v>
      </c>
      <c r="I104" s="113">
        <v>0.2688169197058764</v>
      </c>
      <c r="J104" s="95">
        <v>1.4009584972030526E-2</v>
      </c>
      <c r="K104" s="94">
        <v>2.1832919354516561E-2</v>
      </c>
      <c r="L104" s="95">
        <v>4.6657102690720667E-3</v>
      </c>
      <c r="M104" s="112">
        <v>4004</v>
      </c>
      <c r="N104" s="49">
        <v>4.0035617954221259</v>
      </c>
      <c r="O104" s="50">
        <v>5.9727176367987495E-2</v>
      </c>
      <c r="P104" s="113">
        <v>0.22241350893004294</v>
      </c>
      <c r="Q104" s="95">
        <v>1.3143589929476939E-2</v>
      </c>
      <c r="R104" s="113">
        <v>0.33948544129112418</v>
      </c>
      <c r="S104" s="95">
        <v>1.4961243269631877E-2</v>
      </c>
      <c r="T104" s="113">
        <v>0.36629806264855092</v>
      </c>
      <c r="U104" s="95">
        <v>1.5221565723387469E-2</v>
      </c>
      <c r="V104" s="94">
        <v>7.1802987130281354E-2</v>
      </c>
      <c r="W104" s="95">
        <v>8.1779795954919944E-3</v>
      </c>
      <c r="X104" s="112">
        <v>4039</v>
      </c>
      <c r="Y104" s="49">
        <v>1.7551899684663745</v>
      </c>
      <c r="Z104" s="50">
        <v>3.5076459742694549E-2</v>
      </c>
      <c r="AA104" s="113">
        <v>0.76903380189065462</v>
      </c>
      <c r="AB104" s="95">
        <v>1.3261723988232449E-2</v>
      </c>
      <c r="AC104" s="113">
        <v>9.0209430799076257E-2</v>
      </c>
      <c r="AD104" s="95">
        <v>9.0292519145792165E-3</v>
      </c>
      <c r="AE104" s="113">
        <v>0.11144309778858054</v>
      </c>
      <c r="AF104" s="95">
        <v>9.91290927991763E-3</v>
      </c>
      <c r="AG104" s="94">
        <v>2.9313669521690771E-2</v>
      </c>
      <c r="AH104" s="95">
        <v>5.3465174358623899E-3</v>
      </c>
    </row>
    <row r="105" spans="1:34">
      <c r="A105" s="43" t="s">
        <v>583</v>
      </c>
      <c r="B105" s="110">
        <v>912</v>
      </c>
      <c r="C105" s="45">
        <v>3.3044325122963873</v>
      </c>
      <c r="D105" s="46">
        <v>0.13463193538685161</v>
      </c>
      <c r="E105" s="111">
        <v>0.5654808893114559</v>
      </c>
      <c r="F105" s="92">
        <v>3.2758852861438488E-2</v>
      </c>
      <c r="G105" s="111">
        <v>0.12794370511887307</v>
      </c>
      <c r="H105" s="92">
        <v>2.2192137706191925E-2</v>
      </c>
      <c r="I105" s="111">
        <v>0.28761809432703073</v>
      </c>
      <c r="J105" s="92">
        <v>2.9940771629584161E-2</v>
      </c>
      <c r="K105" s="91">
        <v>1.8957311242639285E-2</v>
      </c>
      <c r="L105" s="92">
        <v>9.487868084138415E-3</v>
      </c>
      <c r="M105" s="110">
        <v>917</v>
      </c>
      <c r="N105" s="45">
        <v>4.227113297175932</v>
      </c>
      <c r="O105" s="46">
        <v>0.12533333236933425</v>
      </c>
      <c r="P105" s="111">
        <v>0.26479031312194179</v>
      </c>
      <c r="Q105" s="92">
        <v>2.9113273261451154E-2</v>
      </c>
      <c r="R105" s="111">
        <v>0.34849775077829437</v>
      </c>
      <c r="S105" s="92">
        <v>3.141581374081024E-2</v>
      </c>
      <c r="T105" s="111">
        <v>0.32980512505321841</v>
      </c>
      <c r="U105" s="92">
        <v>3.1001016795841177E-2</v>
      </c>
      <c r="V105" s="91">
        <v>5.6906811046542632E-2</v>
      </c>
      <c r="W105" s="92">
        <v>1.550735876513629E-2</v>
      </c>
      <c r="X105" s="110">
        <v>925</v>
      </c>
      <c r="Y105" s="45">
        <v>1.7943959001747765</v>
      </c>
      <c r="Z105" s="46">
        <v>7.3783035257629095E-2</v>
      </c>
      <c r="AA105" s="111">
        <v>0.75185740364309384</v>
      </c>
      <c r="AB105" s="92">
        <v>2.8384027447111087E-2</v>
      </c>
      <c r="AC105" s="111">
        <v>9.4252603950519695E-2</v>
      </c>
      <c r="AD105" s="92">
        <v>1.9330417211028978E-2</v>
      </c>
      <c r="AE105" s="111">
        <v>0.11692940848414668</v>
      </c>
      <c r="AF105" s="92">
        <v>2.1213748031145646E-2</v>
      </c>
      <c r="AG105" s="91">
        <v>3.6960583922239991E-2</v>
      </c>
      <c r="AH105" s="92">
        <v>1.2696143854632828E-2</v>
      </c>
    </row>
    <row r="106" spans="1:34">
      <c r="A106" s="47" t="s">
        <v>582</v>
      </c>
      <c r="B106" s="112">
        <v>3092</v>
      </c>
      <c r="C106" s="49">
        <v>3.0949291799290357</v>
      </c>
      <c r="D106" s="50">
        <v>7.2627040578741822E-2</v>
      </c>
      <c r="E106" s="113">
        <v>0.60922992772545614</v>
      </c>
      <c r="F106" s="95">
        <v>1.7539163740422765E-2</v>
      </c>
      <c r="G106" s="113">
        <v>0.10579018006868303</v>
      </c>
      <c r="H106" s="95">
        <v>1.1078759178913185E-2</v>
      </c>
      <c r="I106" s="113">
        <v>0.26212317597985607</v>
      </c>
      <c r="J106" s="95">
        <v>1.581386961980738E-2</v>
      </c>
      <c r="K106" s="94">
        <v>2.2856716226000971E-2</v>
      </c>
      <c r="L106" s="95">
        <v>5.441987949255528E-3</v>
      </c>
      <c r="M106" s="112">
        <v>3087</v>
      </c>
      <c r="N106" s="49">
        <v>3.9215358763061174</v>
      </c>
      <c r="O106" s="50">
        <v>6.7903141717189003E-2</v>
      </c>
      <c r="P106" s="113">
        <v>0.20719831230158153</v>
      </c>
      <c r="Q106" s="95">
        <v>1.4589782428036654E-2</v>
      </c>
      <c r="R106" s="113">
        <v>0.33624961302283629</v>
      </c>
      <c r="S106" s="95">
        <v>1.6997351317076956E-2</v>
      </c>
      <c r="T106" s="113">
        <v>0.37940068403898797</v>
      </c>
      <c r="U106" s="95">
        <v>1.7457010962288712E-2</v>
      </c>
      <c r="V106" s="94">
        <v>7.7151390636593667E-2</v>
      </c>
      <c r="W106" s="95">
        <v>9.6299381827296224E-3</v>
      </c>
      <c r="X106" s="112">
        <v>3114</v>
      </c>
      <c r="Y106" s="49">
        <v>1.741253903532306</v>
      </c>
      <c r="Z106" s="50">
        <v>3.9863968034708791E-2</v>
      </c>
      <c r="AA106" s="113">
        <v>0.7752051899228023</v>
      </c>
      <c r="AB106" s="95">
        <v>1.4960126738735499E-2</v>
      </c>
      <c r="AC106" s="113">
        <v>8.8756740308374396E-2</v>
      </c>
      <c r="AD106" s="95">
        <v>1.0213413862616949E-2</v>
      </c>
      <c r="AE106" s="113">
        <v>0.10947189569607546</v>
      </c>
      <c r="AF106" s="95">
        <v>1.120563271900501E-2</v>
      </c>
      <c r="AG106" s="94">
        <v>2.6566174072745578E-2</v>
      </c>
      <c r="AH106" s="95">
        <v>5.8234809384572267E-3</v>
      </c>
    </row>
    <row r="107" spans="1:34">
      <c r="A107" s="43" t="s">
        <v>568</v>
      </c>
      <c r="B107" s="81">
        <v>8233</v>
      </c>
      <c r="C107" s="45">
        <v>3.4716969922155307</v>
      </c>
      <c r="D107" s="46">
        <v>4.617336947925714E-2</v>
      </c>
      <c r="E107" s="96">
        <v>0.52280367575241637</v>
      </c>
      <c r="F107" s="92">
        <v>1.1006868126259402E-2</v>
      </c>
      <c r="G107" s="96">
        <v>0.11784296638538715</v>
      </c>
      <c r="H107" s="92">
        <v>7.1099452649386252E-3</v>
      </c>
      <c r="I107" s="96">
        <v>0.3288417734223521</v>
      </c>
      <c r="J107" s="92">
        <v>1.0353314279741767E-2</v>
      </c>
      <c r="K107" s="96">
        <v>3.0511584439831169E-2</v>
      </c>
      <c r="L107" s="92">
        <v>3.8037733262097479E-3</v>
      </c>
      <c r="M107" s="81">
        <v>8284</v>
      </c>
      <c r="N107" s="45">
        <v>3.5932556033637151</v>
      </c>
      <c r="O107" s="46">
        <v>4.1994800444993208E-2</v>
      </c>
      <c r="P107" s="96">
        <v>0.14396669816267452</v>
      </c>
      <c r="Q107" s="92">
        <v>7.7160832568058044E-3</v>
      </c>
      <c r="R107" s="96">
        <v>0.34231477375105773</v>
      </c>
      <c r="S107" s="92">
        <v>1.0424377527406419E-2</v>
      </c>
      <c r="T107" s="96">
        <v>0.43666261121465783</v>
      </c>
      <c r="U107" s="92">
        <v>1.0895968367967824E-2</v>
      </c>
      <c r="V107" s="96">
        <v>7.7055916871598754E-2</v>
      </c>
      <c r="W107" s="92">
        <v>5.8657325086155423E-3</v>
      </c>
      <c r="X107" s="81">
        <v>8269</v>
      </c>
      <c r="Y107" s="45">
        <v>2.0518987051899251</v>
      </c>
      <c r="Z107" s="46">
        <v>2.7119990512337464E-2</v>
      </c>
      <c r="AA107" s="96">
        <v>0.6749784328774231</v>
      </c>
      <c r="AB107" s="92">
        <v>1.0299800624029859E-2</v>
      </c>
      <c r="AC107" s="96">
        <v>0.12469575367187097</v>
      </c>
      <c r="AD107" s="92">
        <v>7.2689984998961709E-3</v>
      </c>
      <c r="AE107" s="96">
        <v>0.16157110776575773</v>
      </c>
      <c r="AF107" s="92">
        <v>8.0963798085995561E-3</v>
      </c>
      <c r="AG107" s="96">
        <v>3.8754705684940716E-2</v>
      </c>
      <c r="AH107" s="92">
        <v>4.255723631179595E-3</v>
      </c>
    </row>
    <row r="108" spans="1:34">
      <c r="A108" s="47" t="s">
        <v>569</v>
      </c>
      <c r="B108" s="112">
        <v>5493</v>
      </c>
      <c r="C108" s="49">
        <v>3.3890626295055868</v>
      </c>
      <c r="D108" s="50">
        <v>5.3551101979714903E-2</v>
      </c>
      <c r="E108" s="113">
        <v>0.53152564086727672</v>
      </c>
      <c r="F108" s="95">
        <v>1.3460878704143546E-2</v>
      </c>
      <c r="G108" s="113">
        <v>0.13704539370414578</v>
      </c>
      <c r="H108" s="95">
        <v>9.2842095494088811E-3</v>
      </c>
      <c r="I108" s="113">
        <v>0.30188700394018786</v>
      </c>
      <c r="J108" s="95">
        <v>1.2385428076931517E-2</v>
      </c>
      <c r="K108" s="94">
        <v>2.9541961488409711E-2</v>
      </c>
      <c r="L108" s="95">
        <v>4.5930421836525145E-3</v>
      </c>
      <c r="M108" s="112">
        <v>5506</v>
      </c>
      <c r="N108" s="49">
        <v>3.5592167492363727</v>
      </c>
      <c r="O108" s="50">
        <v>5.0620561442679783E-2</v>
      </c>
      <c r="P108" s="113">
        <v>0.14428574106925041</v>
      </c>
      <c r="Q108" s="95">
        <v>9.4744287715183267E-3</v>
      </c>
      <c r="R108" s="113">
        <v>0.32783817693682188</v>
      </c>
      <c r="S108" s="95">
        <v>1.2649206056638947E-2</v>
      </c>
      <c r="T108" s="113">
        <v>0.4572603134166961</v>
      </c>
      <c r="U108" s="95">
        <v>1.3422520025867479E-2</v>
      </c>
      <c r="V108" s="94">
        <v>7.0615768577252838E-2</v>
      </c>
      <c r="W108" s="95">
        <v>6.916498262633102E-3</v>
      </c>
      <c r="X108" s="112">
        <v>5512</v>
      </c>
      <c r="Y108" s="49">
        <v>1.9808804589846483</v>
      </c>
      <c r="Z108" s="50">
        <v>3.0947909554116578E-2</v>
      </c>
      <c r="AA108" s="113">
        <v>0.69352470349494677</v>
      </c>
      <c r="AB108" s="95">
        <v>1.2416581313237977E-2</v>
      </c>
      <c r="AC108" s="113">
        <v>0.14343917322698632</v>
      </c>
      <c r="AD108" s="95">
        <v>9.4461835127144875E-3</v>
      </c>
      <c r="AE108" s="113">
        <v>0.13420565367059847</v>
      </c>
      <c r="AF108" s="95">
        <v>9.1869822882124138E-3</v>
      </c>
      <c r="AG108" s="94">
        <v>2.8830469607485219E-2</v>
      </c>
      <c r="AH108" s="95">
        <v>4.5318252893787403E-3</v>
      </c>
    </row>
    <row r="109" spans="1:34">
      <c r="A109" s="55" t="s">
        <v>570</v>
      </c>
      <c r="B109" s="110">
        <v>1773</v>
      </c>
      <c r="C109" s="45">
        <v>4.0854166976895696</v>
      </c>
      <c r="D109" s="46">
        <v>9.2699918695840711E-2</v>
      </c>
      <c r="E109" s="111">
        <v>0.37941006725056176</v>
      </c>
      <c r="F109" s="92">
        <v>2.3025197803067526E-2</v>
      </c>
      <c r="G109" s="111">
        <v>0.15458639080453554</v>
      </c>
      <c r="H109" s="92">
        <v>1.7186845460206993E-2</v>
      </c>
      <c r="I109" s="111">
        <v>0.42234182376276619</v>
      </c>
      <c r="J109" s="92">
        <v>2.3435699818828717E-2</v>
      </c>
      <c r="K109" s="91">
        <v>4.3661718182137904E-2</v>
      </c>
      <c r="L109" s="92">
        <v>9.802992247081331E-3</v>
      </c>
      <c r="M109" s="110">
        <v>1801</v>
      </c>
      <c r="N109" s="45">
        <v>3.7036650993376381</v>
      </c>
      <c r="O109" s="46">
        <v>8.3746054988951088E-2</v>
      </c>
      <c r="P109" s="111">
        <v>0.15539658178945195</v>
      </c>
      <c r="Q109" s="92">
        <v>1.7088605556064878E-2</v>
      </c>
      <c r="R109" s="111">
        <v>0.36556138475825362</v>
      </c>
      <c r="S109" s="92">
        <v>2.267468478450467E-2</v>
      </c>
      <c r="T109" s="111">
        <v>0.42257211523005461</v>
      </c>
      <c r="U109" s="92">
        <v>2.3254890848209898E-2</v>
      </c>
      <c r="V109" s="91">
        <v>5.6469918222240907E-2</v>
      </c>
      <c r="W109" s="92">
        <v>1.0954651924315502E-2</v>
      </c>
      <c r="X109" s="110">
        <v>1775</v>
      </c>
      <c r="Y109" s="45">
        <v>2.46231531758065</v>
      </c>
      <c r="Z109" s="46">
        <v>6.4889565635210464E-2</v>
      </c>
      <c r="AA109" s="111">
        <v>0.52726153376837392</v>
      </c>
      <c r="AB109" s="92">
        <v>2.3673825663485977E-2</v>
      </c>
      <c r="AC109" s="111">
        <v>0.21134169583175949</v>
      </c>
      <c r="AD109" s="92">
        <v>1.9380551023405752E-2</v>
      </c>
      <c r="AE109" s="111">
        <v>0.21781530281112635</v>
      </c>
      <c r="AF109" s="92">
        <v>1.9592789558458033E-2</v>
      </c>
      <c r="AG109" s="91">
        <v>4.3581467588740368E-2</v>
      </c>
      <c r="AH109" s="92">
        <v>9.7889886073626031E-3</v>
      </c>
    </row>
    <row r="110" spans="1:34">
      <c r="A110" s="47" t="s">
        <v>571</v>
      </c>
      <c r="B110" s="112">
        <v>3775</v>
      </c>
      <c r="C110" s="49">
        <v>3.7560928432853893</v>
      </c>
      <c r="D110" s="50">
        <v>6.6630195802953873E-2</v>
      </c>
      <c r="E110" s="113">
        <v>0.4549476942160412</v>
      </c>
      <c r="F110" s="95">
        <v>1.6201123593889314E-2</v>
      </c>
      <c r="G110" s="113">
        <v>0.1458938121559141</v>
      </c>
      <c r="H110" s="95">
        <v>1.1496820810879136E-2</v>
      </c>
      <c r="I110" s="113">
        <v>0.37087034106660693</v>
      </c>
      <c r="J110" s="95">
        <v>1.571648828266398E-2</v>
      </c>
      <c r="K110" s="94">
        <v>2.8288152561438736E-2</v>
      </c>
      <c r="L110" s="95">
        <v>5.4400174837247644E-3</v>
      </c>
      <c r="M110" s="112">
        <v>3795</v>
      </c>
      <c r="N110" s="49">
        <v>3.5984260666110313</v>
      </c>
      <c r="O110" s="50">
        <v>5.9186429758809597E-2</v>
      </c>
      <c r="P110" s="113">
        <v>0.13771519131427729</v>
      </c>
      <c r="Q110" s="95">
        <v>1.1194796341627596E-2</v>
      </c>
      <c r="R110" s="113">
        <v>0.35467304427639657</v>
      </c>
      <c r="S110" s="95">
        <v>1.5525354013504602E-2</v>
      </c>
      <c r="T110" s="113">
        <v>0.45324176281669992</v>
      </c>
      <c r="U110" s="95">
        <v>1.6153327874479737E-2</v>
      </c>
      <c r="V110" s="94">
        <v>5.4370001592626199E-2</v>
      </c>
      <c r="W110" s="95">
        <v>7.3874369858807553E-3</v>
      </c>
      <c r="X110" s="112">
        <v>3757</v>
      </c>
      <c r="Y110" s="49">
        <v>2.1474431487836383</v>
      </c>
      <c r="Z110" s="50">
        <v>4.1472653696007167E-2</v>
      </c>
      <c r="AA110" s="113">
        <v>0.6429739445087137</v>
      </c>
      <c r="AB110" s="95">
        <v>1.5626656884444267E-2</v>
      </c>
      <c r="AC110" s="113">
        <v>0.14816221871511925</v>
      </c>
      <c r="AD110" s="95">
        <v>1.1597859332361784E-2</v>
      </c>
      <c r="AE110" s="113">
        <v>0.17378622117655293</v>
      </c>
      <c r="AF110" s="95">
        <v>1.2367277016603997E-2</v>
      </c>
      <c r="AG110" s="94">
        <v>3.5077615599617189E-2</v>
      </c>
      <c r="AH110" s="95">
        <v>6.0404300634662247E-3</v>
      </c>
    </row>
    <row r="111" spans="1:34">
      <c r="A111" s="55" t="s">
        <v>572</v>
      </c>
      <c r="B111" s="110">
        <v>4145</v>
      </c>
      <c r="C111" s="45">
        <v>3.2300950623738718</v>
      </c>
      <c r="D111" s="46">
        <v>6.3623104104482381E-2</v>
      </c>
      <c r="E111" s="111">
        <v>0.56649058717705003</v>
      </c>
      <c r="F111" s="92">
        <v>1.5387264774817368E-2</v>
      </c>
      <c r="G111" s="111">
        <v>0.13109449309413504</v>
      </c>
      <c r="H111" s="92">
        <v>1.0491466460170226E-2</v>
      </c>
      <c r="I111" s="111">
        <v>0.27489895450885871</v>
      </c>
      <c r="J111" s="92">
        <v>1.3865976045150632E-2</v>
      </c>
      <c r="K111" s="91">
        <v>2.7515965219964508E-2</v>
      </c>
      <c r="L111" s="92">
        <v>5.1198296922347775E-3</v>
      </c>
      <c r="M111" s="110">
        <v>4151</v>
      </c>
      <c r="N111" s="45">
        <v>3.6466695605354316</v>
      </c>
      <c r="O111" s="46">
        <v>5.9923388203411899E-2</v>
      </c>
      <c r="P111" s="111">
        <v>0.16417048135309911</v>
      </c>
      <c r="Q111" s="92">
        <v>1.1502548383408638E-2</v>
      </c>
      <c r="R111" s="111">
        <v>0.31654109424359766</v>
      </c>
      <c r="S111" s="92">
        <v>1.443380181456101E-2</v>
      </c>
      <c r="T111" s="111">
        <v>0.42922119388617597</v>
      </c>
      <c r="U111" s="92">
        <v>1.535774757468788E-2</v>
      </c>
      <c r="V111" s="91">
        <v>9.0067230517136457E-2</v>
      </c>
      <c r="W111" s="92">
        <v>8.8999531290359472E-3</v>
      </c>
      <c r="X111" s="110">
        <v>4168</v>
      </c>
      <c r="Y111" s="45">
        <v>1.8545309937201861</v>
      </c>
      <c r="Z111" s="46">
        <v>3.4861959452926736E-2</v>
      </c>
      <c r="AA111" s="111">
        <v>0.75140137072665036</v>
      </c>
      <c r="AB111" s="92">
        <v>1.3387021900897231E-2</v>
      </c>
      <c r="AC111" s="111">
        <v>9.7119576822408307E-2</v>
      </c>
      <c r="AD111" s="92">
        <v>9.1853429289494287E-3</v>
      </c>
      <c r="AE111" s="111">
        <v>0.12298505530630069</v>
      </c>
      <c r="AF111" s="92">
        <v>1.0182051456553244E-2</v>
      </c>
      <c r="AG111" s="91">
        <v>2.8493997144643533E-2</v>
      </c>
      <c r="AH111" s="92">
        <v>5.1912779592954757E-3</v>
      </c>
    </row>
    <row r="112" spans="1:34">
      <c r="A112" s="47" t="s">
        <v>573</v>
      </c>
      <c r="B112" s="112">
        <v>3969</v>
      </c>
      <c r="C112" s="49">
        <v>2.4681807321886322</v>
      </c>
      <c r="D112" s="50">
        <v>5.808600309751287E-2</v>
      </c>
      <c r="E112" s="113">
        <v>0.75345277799056953</v>
      </c>
      <c r="F112" s="95">
        <v>1.3680433664064061E-2</v>
      </c>
      <c r="G112" s="113">
        <v>6.3650699046151435E-2</v>
      </c>
      <c r="H112" s="95">
        <v>7.7711078459359187E-3</v>
      </c>
      <c r="I112" s="113">
        <v>0.16040141637551872</v>
      </c>
      <c r="J112" s="95">
        <v>1.1654256882898267E-2</v>
      </c>
      <c r="K112" s="94">
        <v>2.2495106587757746E-2</v>
      </c>
      <c r="L112" s="95">
        <v>4.7540004280543493E-3</v>
      </c>
      <c r="M112" s="112">
        <v>3975</v>
      </c>
      <c r="N112" s="49">
        <v>3.3087943176508738</v>
      </c>
      <c r="O112" s="50">
        <v>6.2680931167510542E-2</v>
      </c>
      <c r="P112" s="113">
        <v>0.12025060261662956</v>
      </c>
      <c r="Q112" s="95">
        <v>1.0326666989959902E-2</v>
      </c>
      <c r="R112" s="113">
        <v>0.28868948397202915</v>
      </c>
      <c r="S112" s="95">
        <v>1.4370867611946401E-2</v>
      </c>
      <c r="T112" s="113">
        <v>0.48356591519003927</v>
      </c>
      <c r="U112" s="95">
        <v>1.5844509082009076E-2</v>
      </c>
      <c r="V112" s="94">
        <v>0.10749399822129696</v>
      </c>
      <c r="W112" s="95">
        <v>9.8364934373566179E-3</v>
      </c>
      <c r="X112" s="112">
        <v>4012</v>
      </c>
      <c r="Y112" s="49">
        <v>1.5403902357653156</v>
      </c>
      <c r="Z112" s="50">
        <v>3.0916533926060964E-2</v>
      </c>
      <c r="AA112" s="113">
        <v>0.83656323881037553</v>
      </c>
      <c r="AB112" s="95">
        <v>1.1679259417640673E-2</v>
      </c>
      <c r="AC112" s="113">
        <v>7.1415129620749224E-2</v>
      </c>
      <c r="AD112" s="95">
        <v>8.1495443261346678E-3</v>
      </c>
      <c r="AE112" s="113">
        <v>6.3762994359644332E-2</v>
      </c>
      <c r="AF112" s="95">
        <v>7.7354268080527325E-3</v>
      </c>
      <c r="AG112" s="94">
        <v>2.8258637209229207E-2</v>
      </c>
      <c r="AH112" s="95">
        <v>5.2718122543052087E-3</v>
      </c>
    </row>
    <row r="113" spans="1:34">
      <c r="A113" s="55" t="s">
        <v>579</v>
      </c>
      <c r="B113" s="110">
        <v>9607</v>
      </c>
      <c r="C113" s="45">
        <v>3.386314621295933</v>
      </c>
      <c r="D113" s="46">
        <v>4.213091792940607E-2</v>
      </c>
      <c r="E113" s="111">
        <v>0.54238780779151563</v>
      </c>
      <c r="F113" s="92">
        <v>1.0163674966995002E-2</v>
      </c>
      <c r="G113" s="111">
        <v>0.12026245395056107</v>
      </c>
      <c r="H113" s="92">
        <v>6.6394707904289278E-3</v>
      </c>
      <c r="I113" s="111">
        <v>0.30695140690288714</v>
      </c>
      <c r="J113" s="92">
        <v>9.4100952652750782E-3</v>
      </c>
      <c r="K113" s="91">
        <v>3.0398331355058449E-2</v>
      </c>
      <c r="L113" s="92">
        <v>3.5132992400239162E-3</v>
      </c>
      <c r="M113" s="110">
        <v>9612</v>
      </c>
      <c r="N113" s="45">
        <v>3.5660490921708461</v>
      </c>
      <c r="O113" s="46">
        <v>3.85524999221123E-2</v>
      </c>
      <c r="P113" s="111">
        <v>0.14528495265491292</v>
      </c>
      <c r="Q113" s="92">
        <v>7.1901292125601049E-3</v>
      </c>
      <c r="R113" s="111">
        <v>0.32836311529425061</v>
      </c>
      <c r="S113" s="92">
        <v>9.5785847525932302E-3</v>
      </c>
      <c r="T113" s="111">
        <v>0.45097617269816676</v>
      </c>
      <c r="U113" s="92">
        <v>1.0148618247057374E-2</v>
      </c>
      <c r="V113" s="91">
        <v>7.5375759352693986E-2</v>
      </c>
      <c r="W113" s="92">
        <v>5.3901149677902434E-3</v>
      </c>
      <c r="X113" s="110">
        <v>9686</v>
      </c>
      <c r="Y113" s="45">
        <v>1.9511133255817528</v>
      </c>
      <c r="Z113" s="46">
        <v>2.4218218758102112E-2</v>
      </c>
      <c r="AA113" s="111">
        <v>0.70683509171959646</v>
      </c>
      <c r="AB113" s="92">
        <v>9.2495403517819999E-3</v>
      </c>
      <c r="AC113" s="111">
        <v>0.12647964663407754</v>
      </c>
      <c r="AD113" s="92">
        <v>6.7568016119500269E-3</v>
      </c>
      <c r="AE113" s="111">
        <v>0.13539593253933913</v>
      </c>
      <c r="AF113" s="92">
        <v>6.9547736247736946E-3</v>
      </c>
      <c r="AG113" s="91">
        <v>3.1289329107007754E-2</v>
      </c>
      <c r="AH113" s="92">
        <v>3.5477950777075651E-3</v>
      </c>
    </row>
    <row r="114" spans="1:34">
      <c r="A114" s="47" t="s">
        <v>585</v>
      </c>
      <c r="B114" s="112">
        <v>1544</v>
      </c>
      <c r="C114" s="49">
        <v>3.2466317242619915</v>
      </c>
      <c r="D114" s="50">
        <v>0.10427461375138304</v>
      </c>
      <c r="E114" s="113">
        <v>0.56774452163568734</v>
      </c>
      <c r="F114" s="95">
        <v>2.518327479935166E-2</v>
      </c>
      <c r="G114" s="113">
        <v>0.12101106090387917</v>
      </c>
      <c r="H114" s="95">
        <v>1.6636306645444552E-2</v>
      </c>
      <c r="I114" s="113">
        <v>0.28963707357850865</v>
      </c>
      <c r="J114" s="95">
        <v>2.3070268970855234E-2</v>
      </c>
      <c r="K114" s="94">
        <v>2.160734388192722E-2</v>
      </c>
      <c r="L114" s="95">
        <v>7.5946525277510333E-3</v>
      </c>
      <c r="M114" s="112">
        <v>1544</v>
      </c>
      <c r="N114" s="49">
        <v>3.5505052877786358</v>
      </c>
      <c r="O114" s="50">
        <v>9.705627036015449E-2</v>
      </c>
      <c r="P114" s="113">
        <v>0.14225293352638416</v>
      </c>
      <c r="Q114" s="95">
        <v>1.780439168294028E-2</v>
      </c>
      <c r="R114" s="113">
        <v>0.32994391159850678</v>
      </c>
      <c r="S114" s="95">
        <v>2.3909291669066961E-2</v>
      </c>
      <c r="T114" s="113">
        <v>0.45006273269874064</v>
      </c>
      <c r="U114" s="95">
        <v>2.5290004775658705E-2</v>
      </c>
      <c r="V114" s="94">
        <v>7.7740422176371421E-2</v>
      </c>
      <c r="W114" s="95">
        <v>1.3698216723951551E-2</v>
      </c>
      <c r="X114" s="112">
        <v>1559</v>
      </c>
      <c r="Y114" s="49">
        <v>2.0190317135658744</v>
      </c>
      <c r="Z114" s="50">
        <v>6.2477595499681855E-2</v>
      </c>
      <c r="AA114" s="113">
        <v>0.69110494575862602</v>
      </c>
      <c r="AB114" s="95">
        <v>2.3383945952203177E-2</v>
      </c>
      <c r="AC114" s="113">
        <v>0.12344628943767021</v>
      </c>
      <c r="AD114" s="95">
        <v>1.6696617038562737E-2</v>
      </c>
      <c r="AE114" s="113">
        <v>0.15690114147092105</v>
      </c>
      <c r="AF114" s="95">
        <v>1.8441165087816454E-2</v>
      </c>
      <c r="AG114" s="94">
        <v>2.8547623332785009E-2</v>
      </c>
      <c r="AH114" s="95">
        <v>8.5953826476863615E-3</v>
      </c>
    </row>
    <row r="115" spans="1:34">
      <c r="A115" s="55" t="s">
        <v>586</v>
      </c>
      <c r="B115" s="110">
        <v>905</v>
      </c>
      <c r="C115" s="45">
        <v>4.0258081552648335</v>
      </c>
      <c r="D115" s="46">
        <v>0.13514149672294121</v>
      </c>
      <c r="E115" s="111">
        <v>0.37558764706437198</v>
      </c>
      <c r="F115" s="92">
        <v>3.2134035197156866E-2</v>
      </c>
      <c r="G115" s="111">
        <v>0.16721283934221506</v>
      </c>
      <c r="H115" s="92">
        <v>2.4840546263453844E-2</v>
      </c>
      <c r="I115" s="111">
        <v>0.41616180855831147</v>
      </c>
      <c r="J115" s="92">
        <v>3.2702471221257176E-2</v>
      </c>
      <c r="K115" s="91">
        <v>4.1037705035101853E-2</v>
      </c>
      <c r="L115" s="92">
        <v>1.3465256024252702E-2</v>
      </c>
      <c r="M115" s="110">
        <v>903</v>
      </c>
      <c r="N115" s="45">
        <v>3.6947323205310818</v>
      </c>
      <c r="O115" s="46">
        <v>0.12162306532473599</v>
      </c>
      <c r="P115" s="111">
        <v>0.14473746363944762</v>
      </c>
      <c r="Q115" s="92">
        <v>2.3469635722870356E-2</v>
      </c>
      <c r="R115" s="111">
        <v>0.37618334813537868</v>
      </c>
      <c r="S115" s="92">
        <v>3.2179510180790766E-2</v>
      </c>
      <c r="T115" s="111">
        <v>0.41154913567749801</v>
      </c>
      <c r="U115" s="92">
        <v>3.2685417039571042E-2</v>
      </c>
      <c r="V115" s="91">
        <v>6.7530052547676023E-2</v>
      </c>
      <c r="W115" s="92">
        <v>1.6880900319038206E-2</v>
      </c>
      <c r="X115" s="110">
        <v>922</v>
      </c>
      <c r="Y115" s="45">
        <v>2.3715930376782586</v>
      </c>
      <c r="Z115" s="46">
        <v>8.7341963869925029E-2</v>
      </c>
      <c r="AA115" s="111">
        <v>0.55407896457550665</v>
      </c>
      <c r="AB115" s="92">
        <v>3.267092795399637E-2</v>
      </c>
      <c r="AC115" s="111">
        <v>0.18864533447198631</v>
      </c>
      <c r="AD115" s="92">
        <v>2.5783110391247071E-2</v>
      </c>
      <c r="AE115" s="111">
        <v>0.20281438551317899</v>
      </c>
      <c r="AF115" s="92">
        <v>2.6489500766635154E-2</v>
      </c>
      <c r="AG115" s="91">
        <v>5.4461315439328847E-2</v>
      </c>
      <c r="AH115" s="92">
        <v>1.5160269799141177E-2</v>
      </c>
    </row>
    <row r="116" spans="1:34">
      <c r="A116" s="47" t="s">
        <v>584</v>
      </c>
      <c r="B116" s="112">
        <v>307</v>
      </c>
      <c r="C116" s="49">
        <v>4.0099084792086517</v>
      </c>
      <c r="D116" s="50">
        <v>0.25582650685440045</v>
      </c>
      <c r="E116" s="113">
        <v>0.39074542268515194</v>
      </c>
      <c r="F116" s="95">
        <v>5.5369964414435563E-2</v>
      </c>
      <c r="G116" s="113">
        <v>0.12244660951485115</v>
      </c>
      <c r="H116" s="95">
        <v>3.7800738229593178E-2</v>
      </c>
      <c r="I116" s="113">
        <v>0.39865360571504593</v>
      </c>
      <c r="J116" s="95">
        <v>5.5558134718599363E-2</v>
      </c>
      <c r="K116" s="94">
        <v>8.8154362084950838E-2</v>
      </c>
      <c r="L116" s="95">
        <v>3.3009449230533248E-2</v>
      </c>
      <c r="M116" s="112">
        <v>305</v>
      </c>
      <c r="N116" s="49">
        <v>4.015244302464601</v>
      </c>
      <c r="O116" s="50">
        <v>0.22658020577447399</v>
      </c>
      <c r="P116" s="113">
        <v>0.24159729999660123</v>
      </c>
      <c r="Q116" s="95">
        <v>4.8929720320745829E-2</v>
      </c>
      <c r="R116" s="113">
        <v>0.26289165422154559</v>
      </c>
      <c r="S116" s="95">
        <v>5.0271206846122976E-2</v>
      </c>
      <c r="T116" s="113">
        <v>0.37981838876776669</v>
      </c>
      <c r="U116" s="95">
        <v>5.5263757655415101E-2</v>
      </c>
      <c r="V116" s="94">
        <v>0.11569265701408643</v>
      </c>
      <c r="W116" s="95">
        <v>3.7061457144384843E-2</v>
      </c>
      <c r="X116" s="112">
        <v>311</v>
      </c>
      <c r="Y116" s="49">
        <v>2.444862223212442</v>
      </c>
      <c r="Z116" s="50">
        <v>0.16325802552639984</v>
      </c>
      <c r="AA116" s="113">
        <v>0.51745467156630498</v>
      </c>
      <c r="AB116" s="95">
        <v>5.6310141504058178E-2</v>
      </c>
      <c r="AC116" s="113">
        <v>0.20443325669625151</v>
      </c>
      <c r="AD116" s="95">
        <v>4.5752248284760731E-2</v>
      </c>
      <c r="AE116" s="113">
        <v>0.21869364112133924</v>
      </c>
      <c r="AF116" s="95">
        <v>4.6851837526451681E-2</v>
      </c>
      <c r="AG116" s="94">
        <v>5.9418430616104329E-2</v>
      </c>
      <c r="AH116" s="95">
        <v>2.778292539521807E-2</v>
      </c>
    </row>
    <row r="117" spans="1:34">
      <c r="A117" s="55" t="s">
        <v>587</v>
      </c>
      <c r="B117" s="110">
        <v>13008</v>
      </c>
      <c r="C117" s="45">
        <v>3.4191155321807574</v>
      </c>
      <c r="D117" s="46">
        <v>3.593510321415417E-2</v>
      </c>
      <c r="E117" s="111">
        <v>0.53122040779428192</v>
      </c>
      <c r="F117" s="92">
        <v>8.7494391426379877E-3</v>
      </c>
      <c r="G117" s="111">
        <v>0.12545192046521378</v>
      </c>
      <c r="H117" s="92">
        <v>5.8097719510963623E-3</v>
      </c>
      <c r="I117" s="111">
        <v>0.31428985929060155</v>
      </c>
      <c r="J117" s="92">
        <v>8.1398199628729771E-3</v>
      </c>
      <c r="K117" s="91">
        <v>2.9037812449920351E-2</v>
      </c>
      <c r="L117" s="92">
        <v>2.9511322016948665E-3</v>
      </c>
      <c r="M117" s="110">
        <v>12998</v>
      </c>
      <c r="N117" s="45">
        <v>3.5741775839328107</v>
      </c>
      <c r="O117" s="46">
        <v>3.3271910032175299E-2</v>
      </c>
      <c r="P117" s="111">
        <v>0.1442993228121621</v>
      </c>
      <c r="Q117" s="92">
        <v>6.1653088779110186E-3</v>
      </c>
      <c r="R117" s="111">
        <v>0.33472083709271266</v>
      </c>
      <c r="S117" s="92">
        <v>8.2772226392806968E-3</v>
      </c>
      <c r="T117" s="111">
        <v>0.44747829806228878</v>
      </c>
      <c r="U117" s="92">
        <v>8.7214172507480044E-3</v>
      </c>
      <c r="V117" s="91">
        <v>7.3501542032856346E-2</v>
      </c>
      <c r="W117" s="92">
        <v>4.5809128271509202E-3</v>
      </c>
      <c r="X117" s="110">
        <v>13131</v>
      </c>
      <c r="Y117" s="45">
        <v>1.9951750357865785</v>
      </c>
      <c r="Z117" s="46">
        <v>2.0742164682062494E-2</v>
      </c>
      <c r="AA117" s="111">
        <v>0.6913674420645769</v>
      </c>
      <c r="AB117" s="92">
        <v>8.0614466119716659E-3</v>
      </c>
      <c r="AC117" s="111">
        <v>0.13130971469564551</v>
      </c>
      <c r="AD117" s="92">
        <v>5.8959446024826109E-3</v>
      </c>
      <c r="AE117" s="111">
        <v>0.14415949299196609</v>
      </c>
      <c r="AF117" s="92">
        <v>6.1315273550582756E-3</v>
      </c>
      <c r="AG117" s="91">
        <v>3.3163350247829071E-2</v>
      </c>
      <c r="AH117" s="92">
        <v>3.1312494026045435E-3</v>
      </c>
    </row>
    <row r="119" spans="1:34" ht="18.75">
      <c r="A119" s="337" t="s">
        <v>476</v>
      </c>
      <c r="B119" s="337"/>
      <c r="C119" s="337"/>
      <c r="D119" s="337"/>
      <c r="E119" s="337"/>
      <c r="F119" s="337"/>
      <c r="G119" s="337"/>
      <c r="H119" s="337"/>
      <c r="I119" s="337"/>
      <c r="J119" s="337"/>
      <c r="K119" s="337"/>
      <c r="L119" s="337"/>
    </row>
    <row r="120" spans="1:34" ht="59.25" customHeight="1">
      <c r="A120" s="358" t="s">
        <v>477</v>
      </c>
      <c r="B120" s="358"/>
      <c r="C120" s="358"/>
      <c r="D120" s="358"/>
      <c r="E120" s="358"/>
      <c r="F120" s="358"/>
      <c r="G120" s="358"/>
      <c r="H120" s="358"/>
      <c r="I120" s="358"/>
      <c r="J120" s="358"/>
      <c r="K120" s="358"/>
      <c r="L120" s="358"/>
    </row>
    <row r="121" spans="1:34" ht="45" customHeight="1">
      <c r="A121" s="356" t="s">
        <v>475</v>
      </c>
      <c r="B121" s="357"/>
      <c r="C121" s="357"/>
      <c r="D121" s="357"/>
      <c r="E121" s="357"/>
      <c r="F121" s="357"/>
      <c r="G121" s="357"/>
      <c r="H121" s="357"/>
      <c r="I121" s="357"/>
      <c r="J121" s="357"/>
      <c r="K121" s="357"/>
      <c r="L121" s="357"/>
    </row>
    <row r="122" spans="1:34" ht="72">
      <c r="A122" s="35" t="s">
        <v>70</v>
      </c>
      <c r="B122" s="63" t="s">
        <v>71</v>
      </c>
      <c r="C122" s="63" t="s">
        <v>551</v>
      </c>
      <c r="D122" s="86" t="s">
        <v>72</v>
      </c>
      <c r="E122" s="63" t="s">
        <v>155</v>
      </c>
      <c r="F122" s="86" t="s">
        <v>84</v>
      </c>
      <c r="G122" s="63" t="s">
        <v>156</v>
      </c>
      <c r="H122" s="86" t="s">
        <v>85</v>
      </c>
      <c r="I122" s="63" t="s">
        <v>157</v>
      </c>
      <c r="J122" s="86" t="s">
        <v>86</v>
      </c>
      <c r="K122" s="63" t="s">
        <v>300</v>
      </c>
      <c r="L122" s="86" t="s">
        <v>299</v>
      </c>
    </row>
    <row r="123" spans="1:34" ht="72">
      <c r="A123" s="39"/>
      <c r="B123" s="66" t="s">
        <v>73</v>
      </c>
      <c r="C123" s="66" t="s">
        <v>301</v>
      </c>
      <c r="D123" s="88" t="s">
        <v>75</v>
      </c>
      <c r="E123" s="66" t="s">
        <v>158</v>
      </c>
      <c r="F123" s="88" t="s">
        <v>87</v>
      </c>
      <c r="G123" s="66" t="s">
        <v>159</v>
      </c>
      <c r="H123" s="88" t="s">
        <v>87</v>
      </c>
      <c r="I123" s="66" t="s">
        <v>160</v>
      </c>
      <c r="J123" s="88" t="s">
        <v>87</v>
      </c>
      <c r="K123" s="66" t="s">
        <v>300</v>
      </c>
      <c r="L123" s="88" t="s">
        <v>87</v>
      </c>
    </row>
    <row r="124" spans="1:34">
      <c r="A124" s="43" t="s">
        <v>348</v>
      </c>
      <c r="B124" s="110">
        <v>13874</v>
      </c>
      <c r="C124" s="45">
        <v>5.0634827782403242</v>
      </c>
      <c r="D124" s="46">
        <v>2.7159998507101851E-2</v>
      </c>
      <c r="E124" s="111">
        <v>0.15727631081079141</v>
      </c>
      <c r="F124" s="92">
        <v>6.1823231189941574E-3</v>
      </c>
      <c r="G124" s="111">
        <v>0.16470468259302579</v>
      </c>
      <c r="H124" s="92">
        <v>6.2985676792330471E-3</v>
      </c>
      <c r="I124" s="111">
        <v>0.66027281990802011</v>
      </c>
      <c r="J124" s="92">
        <v>8.040957064815564E-3</v>
      </c>
      <c r="K124" s="91">
        <v>1.7746186688175177E-2</v>
      </c>
      <c r="L124" s="92">
        <v>2.2500615627494983E-3</v>
      </c>
    </row>
    <row r="125" spans="1:34">
      <c r="A125" s="47" t="s">
        <v>349</v>
      </c>
      <c r="B125" s="112">
        <v>10169</v>
      </c>
      <c r="C125" s="49">
        <v>5.1868473565848552</v>
      </c>
      <c r="D125" s="50">
        <v>3.1449030036259353E-2</v>
      </c>
      <c r="E125" s="113">
        <v>0.14559714006374416</v>
      </c>
      <c r="F125" s="95">
        <v>6.9965759779157316E-3</v>
      </c>
      <c r="G125" s="113">
        <v>0.14989961557926051</v>
      </c>
      <c r="H125" s="95">
        <v>7.0811696047721308E-3</v>
      </c>
      <c r="I125" s="113">
        <v>0.69324695550056037</v>
      </c>
      <c r="J125" s="95">
        <v>9.1447930053415571E-3</v>
      </c>
      <c r="K125" s="94">
        <v>1.1256288856427257E-2</v>
      </c>
      <c r="L125" s="95">
        <v>2.1094959711019522E-3</v>
      </c>
    </row>
    <row r="126" spans="1:34">
      <c r="A126" s="43" t="s">
        <v>350</v>
      </c>
      <c r="B126" s="110">
        <v>3705</v>
      </c>
      <c r="C126" s="45">
        <v>4.9626142427155866</v>
      </c>
      <c r="D126" s="46">
        <v>5.2884839506120052E-2</v>
      </c>
      <c r="E126" s="111">
        <v>0.16671241382169902</v>
      </c>
      <c r="F126" s="92">
        <v>1.2250589576164537E-2</v>
      </c>
      <c r="G126" s="111">
        <v>0.17666633127948095</v>
      </c>
      <c r="H126" s="92">
        <v>1.2534372739120028E-2</v>
      </c>
      <c r="I126" s="111">
        <v>0.63363160137579666</v>
      </c>
      <c r="J126" s="92">
        <v>1.5823953681712175E-2</v>
      </c>
      <c r="K126" s="91">
        <v>2.2989653523023176E-2</v>
      </c>
      <c r="L126" s="92">
        <v>4.9751766494316842E-3</v>
      </c>
    </row>
    <row r="127" spans="1:34">
      <c r="A127" s="47" t="s">
        <v>574</v>
      </c>
      <c r="B127" s="112">
        <v>4974</v>
      </c>
      <c r="C127" s="49">
        <v>4.9878488680649813</v>
      </c>
      <c r="D127" s="50">
        <v>4.5680046452901545E-2</v>
      </c>
      <c r="E127" s="113">
        <v>0.16350356829964718</v>
      </c>
      <c r="F127" s="95">
        <v>1.0490273547535808E-2</v>
      </c>
      <c r="G127" s="113">
        <v>0.17229796021758825</v>
      </c>
      <c r="H127" s="95">
        <v>1.0711299101469708E-2</v>
      </c>
      <c r="I127" s="113">
        <v>0.64302067093007909</v>
      </c>
      <c r="J127" s="95">
        <v>1.3582122196971986E-2</v>
      </c>
      <c r="K127" s="94">
        <v>2.1177800552686522E-2</v>
      </c>
      <c r="L127" s="95">
        <v>4.1173629743804013E-3</v>
      </c>
    </row>
    <row r="128" spans="1:34">
      <c r="A128" s="43" t="s">
        <v>575</v>
      </c>
      <c r="B128" s="110">
        <v>5130</v>
      </c>
      <c r="C128" s="45">
        <v>5.3377510675989717</v>
      </c>
      <c r="D128" s="46">
        <v>4.3270922605152917E-2</v>
      </c>
      <c r="E128" s="111">
        <v>0.13021131077523157</v>
      </c>
      <c r="F128" s="92">
        <v>9.4024556327625269E-3</v>
      </c>
      <c r="G128" s="111">
        <v>0.13617699547253373</v>
      </c>
      <c r="H128" s="92">
        <v>9.5817886912507883E-3</v>
      </c>
      <c r="I128" s="111">
        <v>0.72684745359880087</v>
      </c>
      <c r="J128" s="92">
        <v>1.2439816573108272E-2</v>
      </c>
      <c r="K128" s="91">
        <v>6.7642401534343246E-3</v>
      </c>
      <c r="L128" s="92">
        <v>2.3515410856764377E-3</v>
      </c>
    </row>
    <row r="129" spans="1:12">
      <c r="A129" s="47" t="s">
        <v>576</v>
      </c>
      <c r="B129" s="112">
        <v>3122</v>
      </c>
      <c r="C129" s="49">
        <v>5.107650997786644</v>
      </c>
      <c r="D129" s="50">
        <v>5.6474043609438578E-2</v>
      </c>
      <c r="E129" s="113">
        <v>0.1548232944919761</v>
      </c>
      <c r="F129" s="95">
        <v>1.2954853717441778E-2</v>
      </c>
      <c r="G129" s="113">
        <v>0.16137785468250898</v>
      </c>
      <c r="H129" s="95">
        <v>1.3173788092066829E-2</v>
      </c>
      <c r="I129" s="113">
        <v>0.66808491154753913</v>
      </c>
      <c r="J129" s="95">
        <v>1.6847504646332657E-2</v>
      </c>
      <c r="K129" s="94">
        <v>1.5713939277969227E-2</v>
      </c>
      <c r="L129" s="95">
        <v>4.534200703618799E-3</v>
      </c>
    </row>
    <row r="130" spans="1:12">
      <c r="A130" s="43" t="s">
        <v>577</v>
      </c>
      <c r="B130" s="110">
        <v>413</v>
      </c>
      <c r="C130" s="45">
        <v>4.5924650209173388</v>
      </c>
      <c r="D130" s="46">
        <v>0.17715629421102183</v>
      </c>
      <c r="E130" s="111">
        <v>0.25781577646892201</v>
      </c>
      <c r="F130" s="92">
        <v>4.2967462592794076E-2</v>
      </c>
      <c r="G130" s="111">
        <v>0.20229322658303686</v>
      </c>
      <c r="H130" s="92">
        <v>3.9549361414380424E-2</v>
      </c>
      <c r="I130" s="111">
        <v>0.53342707247367049</v>
      </c>
      <c r="J130" s="92">
        <v>4.8862746580432284E-2</v>
      </c>
      <c r="K130" s="91">
        <v>6.4639244743703184E-3</v>
      </c>
      <c r="L130" s="92">
        <v>1.0305960371204036E-2</v>
      </c>
    </row>
    <row r="131" spans="1:12">
      <c r="A131" s="47" t="s">
        <v>578</v>
      </c>
      <c r="B131" s="112">
        <v>142</v>
      </c>
      <c r="C131" s="49">
        <v>4.7887455973739783</v>
      </c>
      <c r="D131" s="50">
        <v>0.30368461489469795</v>
      </c>
      <c r="E131" s="113">
        <v>0.24700690481507193</v>
      </c>
      <c r="F131" s="95">
        <v>7.2045191610733028E-2</v>
      </c>
      <c r="G131" s="113">
        <v>0.19650105328902526</v>
      </c>
      <c r="H131" s="95">
        <v>6.6798913329669959E-2</v>
      </c>
      <c r="I131" s="113">
        <v>0.53800179504416579</v>
      </c>
      <c r="J131" s="95">
        <v>8.2534162350444071E-2</v>
      </c>
      <c r="K131" s="94">
        <v>1.8490246851736482E-2</v>
      </c>
      <c r="L131" s="95">
        <v>2.8991508947829092E-2</v>
      </c>
    </row>
    <row r="132" spans="1:12">
      <c r="A132" s="43" t="s">
        <v>581</v>
      </c>
      <c r="B132" s="110">
        <v>9787</v>
      </c>
      <c r="C132" s="45">
        <v>5.0393224034109245</v>
      </c>
      <c r="D132" s="46">
        <v>3.2565511416694073E-2</v>
      </c>
      <c r="E132" s="111">
        <v>0.15988723191467272</v>
      </c>
      <c r="F132" s="92">
        <v>7.4104548547301603E-3</v>
      </c>
      <c r="G132" s="111">
        <v>0.16665680133392971</v>
      </c>
      <c r="H132" s="92">
        <v>7.53497506773572E-3</v>
      </c>
      <c r="I132" s="111">
        <v>0.65436534201157703</v>
      </c>
      <c r="J132" s="92">
        <v>9.612889396611703E-3</v>
      </c>
      <c r="K132" s="91">
        <v>1.9090624739839742E-2</v>
      </c>
      <c r="L132" s="92">
        <v>2.7798465432785345E-3</v>
      </c>
    </row>
    <row r="133" spans="1:12">
      <c r="A133" s="47" t="s">
        <v>580</v>
      </c>
      <c r="B133" s="112">
        <v>4011</v>
      </c>
      <c r="C133" s="49">
        <v>5.253249579731702</v>
      </c>
      <c r="D133" s="50">
        <v>4.9561815710757372E-2</v>
      </c>
      <c r="E133" s="113">
        <v>0.13678076348276449</v>
      </c>
      <c r="F133" s="95">
        <v>1.0857828020931194E-2</v>
      </c>
      <c r="G133" s="113">
        <v>0.14394002675477899</v>
      </c>
      <c r="H133" s="95">
        <v>1.1091099266059291E-2</v>
      </c>
      <c r="I133" s="113">
        <v>0.71156714326363957</v>
      </c>
      <c r="J133" s="95">
        <v>1.4302495626519853E-2</v>
      </c>
      <c r="K133" s="94">
        <v>7.7120664988171691E-3</v>
      </c>
      <c r="L133" s="95">
        <v>2.8469002160130563E-3</v>
      </c>
    </row>
    <row r="134" spans="1:12">
      <c r="A134" s="43" t="s">
        <v>583</v>
      </c>
      <c r="B134" s="110">
        <v>917</v>
      </c>
      <c r="C134" s="45">
        <v>5.1303771252378585</v>
      </c>
      <c r="D134" s="46">
        <v>0.10697013678581037</v>
      </c>
      <c r="E134" s="111">
        <v>0.14549148280561316</v>
      </c>
      <c r="F134" s="92">
        <v>2.3338419614058227E-2</v>
      </c>
      <c r="G134" s="111">
        <v>0.17248627399716793</v>
      </c>
      <c r="H134" s="92">
        <v>2.4978989169388927E-2</v>
      </c>
      <c r="I134" s="111">
        <v>0.67719811774830052</v>
      </c>
      <c r="J134" s="92">
        <v>3.0831613330733851E-2</v>
      </c>
      <c r="K134" s="91">
        <v>4.8241254489175753E-3</v>
      </c>
      <c r="L134" s="92">
        <v>5.4845868784090725E-3</v>
      </c>
    </row>
    <row r="135" spans="1:12">
      <c r="A135" s="47" t="s">
        <v>582</v>
      </c>
      <c r="B135" s="112">
        <v>3094</v>
      </c>
      <c r="C135" s="49">
        <v>5.297302808498519</v>
      </c>
      <c r="D135" s="50">
        <v>5.5857841078898456E-2</v>
      </c>
      <c r="E135" s="113">
        <v>0.1336700251213381</v>
      </c>
      <c r="F135" s="95">
        <v>1.224606053193965E-2</v>
      </c>
      <c r="G135" s="113">
        <v>0.13374570145506084</v>
      </c>
      <c r="H135" s="95">
        <v>1.2248975246071917E-2</v>
      </c>
      <c r="I135" s="113">
        <v>0.72384087659757368</v>
      </c>
      <c r="J135" s="95">
        <v>1.6070557967574364E-2</v>
      </c>
      <c r="K135" s="94">
        <v>8.7433968260262757E-3</v>
      </c>
      <c r="L135" s="95">
        <v>3.4633084684352875E-3</v>
      </c>
    </row>
    <row r="136" spans="1:12">
      <c r="A136" s="43" t="s">
        <v>568</v>
      </c>
      <c r="B136" s="110">
        <v>8240</v>
      </c>
      <c r="C136" s="45">
        <v>5.0598320571199018</v>
      </c>
      <c r="D136" s="46">
        <v>3.5681958397233454E-2</v>
      </c>
      <c r="E136" s="111">
        <v>0.16450849863824307</v>
      </c>
      <c r="F136" s="92">
        <v>8.1695595166046651E-3</v>
      </c>
      <c r="G136" s="111">
        <v>0.15651190116569988</v>
      </c>
      <c r="H136" s="92">
        <v>8.0068623602857648E-3</v>
      </c>
      <c r="I136" s="111">
        <v>0.66008135057907569</v>
      </c>
      <c r="J136" s="92">
        <v>1.0434491537891477E-2</v>
      </c>
      <c r="K136" s="91">
        <v>1.8898249616970716E-2</v>
      </c>
      <c r="L136" s="92">
        <v>3.0174697257640795E-3</v>
      </c>
    </row>
    <row r="137" spans="1:12">
      <c r="A137" s="47" t="s">
        <v>569</v>
      </c>
      <c r="B137" s="112">
        <v>5500</v>
      </c>
      <c r="C137" s="49">
        <v>5.0731183898481573</v>
      </c>
      <c r="D137" s="50">
        <v>4.2161321004481465E-2</v>
      </c>
      <c r="E137" s="113">
        <v>0.14820482912585939</v>
      </c>
      <c r="F137" s="95">
        <v>9.5851438418255198E-3</v>
      </c>
      <c r="G137" s="113">
        <v>0.17226784018648444</v>
      </c>
      <c r="H137" s="95">
        <v>1.0185335285431025E-2</v>
      </c>
      <c r="I137" s="113">
        <v>0.66268990523336013</v>
      </c>
      <c r="J137" s="95">
        <v>1.274670647423275E-2</v>
      </c>
      <c r="K137" s="94">
        <v>1.68374254543141E-2</v>
      </c>
      <c r="L137" s="95">
        <v>3.5038511220710578E-3</v>
      </c>
    </row>
    <row r="138" spans="1:12">
      <c r="A138" s="43" t="s">
        <v>570</v>
      </c>
      <c r="B138" s="110">
        <v>1762</v>
      </c>
      <c r="C138" s="45">
        <v>4.707920053283086</v>
      </c>
      <c r="D138" s="46">
        <v>8.004177889763793E-2</v>
      </c>
      <c r="E138" s="111">
        <v>0.21813625028809303</v>
      </c>
      <c r="F138" s="92">
        <v>1.967529828615909E-2</v>
      </c>
      <c r="G138" s="111">
        <v>0.17867478088234864</v>
      </c>
      <c r="H138" s="92">
        <v>1.8260558903383614E-2</v>
      </c>
      <c r="I138" s="111">
        <v>0.57564630902404912</v>
      </c>
      <c r="J138" s="92">
        <v>2.3523368730673275E-2</v>
      </c>
      <c r="K138" s="91">
        <v>2.7542659805508657E-2</v>
      </c>
      <c r="L138" s="92">
        <v>7.9343408707592232E-3</v>
      </c>
    </row>
    <row r="139" spans="1:12">
      <c r="A139" s="47" t="s">
        <v>571</v>
      </c>
      <c r="B139" s="112">
        <v>3768</v>
      </c>
      <c r="C139" s="49">
        <v>4.9635233103048417</v>
      </c>
      <c r="D139" s="50">
        <v>5.1038395591878317E-2</v>
      </c>
      <c r="E139" s="113">
        <v>0.16341588465262064</v>
      </c>
      <c r="F139" s="95">
        <v>1.2051114151405459E-2</v>
      </c>
      <c r="G139" s="113">
        <v>0.17869064994920819</v>
      </c>
      <c r="H139" s="95">
        <v>1.2484524698278446E-2</v>
      </c>
      <c r="I139" s="113">
        <v>0.64186010557508155</v>
      </c>
      <c r="J139" s="95">
        <v>1.5614604511701879E-2</v>
      </c>
      <c r="K139" s="94">
        <v>1.6033359823092546E-2</v>
      </c>
      <c r="L139" s="95">
        <v>4.1540830319923118E-3</v>
      </c>
    </row>
    <row r="140" spans="1:12">
      <c r="A140" s="43" t="s">
        <v>572</v>
      </c>
      <c r="B140" s="110">
        <v>4154</v>
      </c>
      <c r="C140" s="45">
        <v>5.0747450735760591</v>
      </c>
      <c r="D140" s="46">
        <v>4.9792334769248714E-2</v>
      </c>
      <c r="E140" s="111">
        <v>0.15155064342413962</v>
      </c>
      <c r="F140" s="92">
        <v>1.1132009494801292E-2</v>
      </c>
      <c r="G140" s="111">
        <v>0.16750051959531426</v>
      </c>
      <c r="H140" s="92">
        <v>1.1590939678312611E-2</v>
      </c>
      <c r="I140" s="111">
        <v>0.66562554061345902</v>
      </c>
      <c r="J140" s="92">
        <v>1.4634259546061601E-2</v>
      </c>
      <c r="K140" s="91">
        <v>1.5323296367093233E-2</v>
      </c>
      <c r="L140" s="92">
        <v>3.8664882465159591E-3</v>
      </c>
    </row>
    <row r="141" spans="1:12">
      <c r="A141" s="47" t="s">
        <v>573</v>
      </c>
      <c r="B141" s="112">
        <v>3990</v>
      </c>
      <c r="C141" s="49">
        <v>5.5853563236540582</v>
      </c>
      <c r="D141" s="50">
        <v>4.6768620447723626E-2</v>
      </c>
      <c r="E141" s="113">
        <v>8.857172299190566E-2</v>
      </c>
      <c r="F141" s="95">
        <v>9.0104072766826436E-3</v>
      </c>
      <c r="G141" s="113">
        <v>0.12017975661209095</v>
      </c>
      <c r="H141" s="95">
        <v>1.0304594863627997E-2</v>
      </c>
      <c r="I141" s="113">
        <v>0.77702099528320656</v>
      </c>
      <c r="J141" s="95">
        <v>1.3178524701281429E-2</v>
      </c>
      <c r="K141" s="94">
        <v>1.4227525112793751E-2</v>
      </c>
      <c r="L141" s="95">
        <v>3.8104204093478825E-3</v>
      </c>
    </row>
    <row r="142" spans="1:12">
      <c r="A142" s="43" t="s">
        <v>579</v>
      </c>
      <c r="B142" s="110">
        <v>9609</v>
      </c>
      <c r="C142" s="45">
        <v>5.059006028815114</v>
      </c>
      <c r="D142" s="46">
        <v>3.2867274796390469E-2</v>
      </c>
      <c r="E142" s="111">
        <v>0.15858445262878745</v>
      </c>
      <c r="F142" s="92">
        <v>7.4540768770595409E-3</v>
      </c>
      <c r="G142" s="111">
        <v>0.16292328234341416</v>
      </c>
      <c r="H142" s="92">
        <v>7.5357277973623687E-3</v>
      </c>
      <c r="I142" s="111">
        <v>0.6598680468352387</v>
      </c>
      <c r="J142" s="92">
        <v>9.6643658750156045E-3</v>
      </c>
      <c r="K142" s="91">
        <v>1.8624218192580148E-2</v>
      </c>
      <c r="L142" s="92">
        <v>2.7722719161214306E-3</v>
      </c>
    </row>
    <row r="143" spans="1:12">
      <c r="A143" s="47" t="s">
        <v>585</v>
      </c>
      <c r="B143" s="112">
        <v>1548</v>
      </c>
      <c r="C143" s="49">
        <v>5.1494896809486859</v>
      </c>
      <c r="D143" s="50">
        <v>8.1057913277489319E-2</v>
      </c>
      <c r="E143" s="113">
        <v>0.13870141768768862</v>
      </c>
      <c r="F143" s="95">
        <v>1.7596225632774447E-2</v>
      </c>
      <c r="G143" s="113">
        <v>0.15301951415785589</v>
      </c>
      <c r="H143" s="95">
        <v>1.8320200237137488E-2</v>
      </c>
      <c r="I143" s="113">
        <v>0.69758950350893589</v>
      </c>
      <c r="J143" s="95">
        <v>2.3328634576569324E-2</v>
      </c>
      <c r="K143" s="94">
        <v>1.0689564645520859E-2</v>
      </c>
      <c r="L143" s="95">
        <v>5.5165765674634716E-3</v>
      </c>
    </row>
    <row r="144" spans="1:12">
      <c r="A144" s="43" t="s">
        <v>586</v>
      </c>
      <c r="B144" s="110">
        <v>908</v>
      </c>
      <c r="C144" s="45">
        <v>4.9994434182259866</v>
      </c>
      <c r="D144" s="46">
        <v>0.10312553548315449</v>
      </c>
      <c r="E144" s="111">
        <v>0.15309261351593595</v>
      </c>
      <c r="F144" s="92">
        <v>2.3943336411115304E-2</v>
      </c>
      <c r="G144" s="111">
        <v>0.18295841091253756</v>
      </c>
      <c r="H144" s="92">
        <v>2.5680596382774069E-2</v>
      </c>
      <c r="I144" s="111">
        <v>0.64435752330947782</v>
      </c>
      <c r="J144" s="92">
        <v>3.1715795476944628E-2</v>
      </c>
      <c r="K144" s="91">
        <v>1.9591452262049152E-2</v>
      </c>
      <c r="L144" s="92">
        <v>9.6490346024496031E-3</v>
      </c>
    </row>
    <row r="145" spans="1:12">
      <c r="A145" s="47" t="s">
        <v>584</v>
      </c>
      <c r="B145" s="112">
        <v>305</v>
      </c>
      <c r="C145" s="49">
        <v>4.7697162336636358</v>
      </c>
      <c r="D145" s="50">
        <v>0.21990333865145317</v>
      </c>
      <c r="E145" s="113">
        <v>0.22772007752969473</v>
      </c>
      <c r="F145" s="95">
        <v>4.7971216890550943E-2</v>
      </c>
      <c r="G145" s="113">
        <v>0.13601401648374434</v>
      </c>
      <c r="H145" s="95">
        <v>3.9564302793399793E-2</v>
      </c>
      <c r="I145" s="113">
        <v>0.61914591881716463</v>
      </c>
      <c r="J145" s="95">
        <v>5.5292034190195169E-2</v>
      </c>
      <c r="K145" s="94">
        <v>1.711998716939624E-2</v>
      </c>
      <c r="L145" s="95">
        <v>1.7189092640116626E-2</v>
      </c>
    </row>
    <row r="146" spans="1:12">
      <c r="A146" s="43" t="s">
        <v>587</v>
      </c>
      <c r="B146" s="110">
        <v>13025</v>
      </c>
      <c r="C146" s="45">
        <v>5.0777402557179778</v>
      </c>
      <c r="D146" s="46">
        <v>2.7777277093805015E-2</v>
      </c>
      <c r="E146" s="111">
        <v>0.15280834439777158</v>
      </c>
      <c r="F146" s="92">
        <v>6.3061299794732332E-3</v>
      </c>
      <c r="G146" s="111">
        <v>0.16404890523482354</v>
      </c>
      <c r="H146" s="92">
        <v>6.4902472855430157E-3</v>
      </c>
      <c r="I146" s="111">
        <v>0.66547515844845262</v>
      </c>
      <c r="J146" s="92">
        <v>8.2674382776864643E-3</v>
      </c>
      <c r="K146" s="91">
        <v>1.7667591918968262E-2</v>
      </c>
      <c r="L146" s="92">
        <v>2.3177791545130762E-3</v>
      </c>
    </row>
  </sheetData>
  <mergeCells count="23">
    <mergeCell ref="A121:L121"/>
    <mergeCell ref="A119:L119"/>
    <mergeCell ref="A120:L120"/>
    <mergeCell ref="AT34:BD34"/>
    <mergeCell ref="X92:AH92"/>
    <mergeCell ref="A62:AS62"/>
    <mergeCell ref="B92:L92"/>
    <mergeCell ref="AI34:AS34"/>
    <mergeCell ref="M92:W92"/>
    <mergeCell ref="B63:L63"/>
    <mergeCell ref="M63:W63"/>
    <mergeCell ref="X63:AH63"/>
    <mergeCell ref="AI63:AS63"/>
    <mergeCell ref="A91:AH91"/>
    <mergeCell ref="A90:AH90"/>
    <mergeCell ref="A3:D3"/>
    <mergeCell ref="A4:D4"/>
    <mergeCell ref="A5:D5"/>
    <mergeCell ref="M34:W34"/>
    <mergeCell ref="X34:AH34"/>
    <mergeCell ref="B34:L34"/>
    <mergeCell ref="A33:BD33"/>
    <mergeCell ref="A32:BD32"/>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S147"/>
  <sheetViews>
    <sheetView zoomScaleNormal="100" zoomScalePageLayoutView="75" workbookViewId="0"/>
  </sheetViews>
  <sheetFormatPr defaultColWidth="22.85546875" defaultRowHeight="15"/>
  <cols>
    <col min="1" max="1" width="57.140625" customWidth="1"/>
    <col min="9" max="9" width="25.5703125" customWidth="1"/>
    <col min="10" max="10" width="26.7109375" customWidth="1"/>
  </cols>
  <sheetData>
    <row r="1" spans="1:6" ht="31.5">
      <c r="A1" s="31" t="s">
        <v>41</v>
      </c>
    </row>
    <row r="3" spans="1:6" ht="18.75">
      <c r="A3" s="337" t="s">
        <v>1</v>
      </c>
      <c r="B3" s="337"/>
      <c r="C3" s="337"/>
      <c r="D3" s="337"/>
    </row>
    <row r="4" spans="1:6" ht="201" customHeight="1">
      <c r="A4" s="369" t="s">
        <v>546</v>
      </c>
      <c r="B4" s="369"/>
      <c r="C4" s="369"/>
      <c r="D4" s="369"/>
      <c r="F4" s="232"/>
    </row>
    <row r="5" spans="1:6" ht="34.5" customHeight="1">
      <c r="A5" s="348" t="s">
        <v>104</v>
      </c>
      <c r="B5" s="349"/>
      <c r="C5" s="349"/>
      <c r="D5" s="349"/>
    </row>
    <row r="6" spans="1:6" ht="43.5" customHeight="1">
      <c r="A6" s="35" t="s">
        <v>70</v>
      </c>
      <c r="B6" s="36" t="s">
        <v>71</v>
      </c>
      <c r="C6" s="37" t="s">
        <v>550</v>
      </c>
      <c r="D6" s="38" t="s">
        <v>72</v>
      </c>
    </row>
    <row r="7" spans="1:6" ht="56.25" customHeight="1">
      <c r="A7" s="39"/>
      <c r="B7" s="40" t="s">
        <v>73</v>
      </c>
      <c r="C7" s="41" t="s">
        <v>105</v>
      </c>
      <c r="D7" s="42" t="s">
        <v>75</v>
      </c>
    </row>
    <row r="8" spans="1:6">
      <c r="A8" s="43" t="s">
        <v>348</v>
      </c>
      <c r="B8" s="81">
        <v>13277</v>
      </c>
      <c r="C8" s="82">
        <v>3.677282666426394</v>
      </c>
      <c r="D8" s="83">
        <v>2.0993451205933784E-2</v>
      </c>
    </row>
    <row r="9" spans="1:6">
      <c r="A9" s="47" t="s">
        <v>349</v>
      </c>
      <c r="B9" s="117">
        <v>9829</v>
      </c>
      <c r="C9" s="118">
        <v>3.6556820477485221</v>
      </c>
      <c r="D9" s="119">
        <v>2.4262117158797572E-2</v>
      </c>
    </row>
    <row r="10" spans="1:6">
      <c r="A10" s="43" t="s">
        <v>350</v>
      </c>
      <c r="B10" s="81">
        <v>3448</v>
      </c>
      <c r="C10" s="82">
        <v>3.6954697037798288</v>
      </c>
      <c r="D10" s="83">
        <v>4.1708570481464757E-2</v>
      </c>
    </row>
    <row r="11" spans="1:6">
      <c r="A11" s="47" t="s">
        <v>574</v>
      </c>
      <c r="B11" s="117">
        <v>4676</v>
      </c>
      <c r="C11" s="118">
        <v>3.6816141768065589</v>
      </c>
      <c r="D11" s="119">
        <v>3.552849430025444E-2</v>
      </c>
    </row>
    <row r="12" spans="1:6">
      <c r="A12" s="43" t="s">
        <v>575</v>
      </c>
      <c r="B12" s="81">
        <v>4952</v>
      </c>
      <c r="C12" s="82">
        <v>3.6660534394565913</v>
      </c>
      <c r="D12" s="83">
        <v>3.3916406648586327E-2</v>
      </c>
    </row>
    <row r="13" spans="1:6">
      <c r="A13" s="47" t="s">
        <v>576</v>
      </c>
      <c r="B13" s="117">
        <v>3031</v>
      </c>
      <c r="C13" s="118">
        <v>3.6499671292258702</v>
      </c>
      <c r="D13" s="119">
        <v>4.4093424430964735E-2</v>
      </c>
    </row>
    <row r="14" spans="1:6">
      <c r="A14" s="43" t="s">
        <v>577</v>
      </c>
      <c r="B14" s="81">
        <v>398</v>
      </c>
      <c r="C14" s="82">
        <v>3.7405527661768536</v>
      </c>
      <c r="D14" s="83">
        <v>0.12600521298842154</v>
      </c>
    </row>
    <row r="15" spans="1:6">
      <c r="A15" s="47" t="s">
        <v>578</v>
      </c>
      <c r="B15" s="117">
        <v>143</v>
      </c>
      <c r="C15" s="118">
        <v>4.2050137834312453</v>
      </c>
      <c r="D15" s="119">
        <v>0.20700351340123527</v>
      </c>
    </row>
    <row r="16" spans="1:6">
      <c r="A16" s="43" t="s">
        <v>581</v>
      </c>
      <c r="B16" s="81">
        <v>9381</v>
      </c>
      <c r="C16" s="82">
        <v>3.6659454841618788</v>
      </c>
      <c r="D16" s="83">
        <v>2.4889697519879465E-2</v>
      </c>
    </row>
    <row r="17" spans="1:17">
      <c r="A17" s="47" t="s">
        <v>580</v>
      </c>
      <c r="B17" s="117">
        <v>3884</v>
      </c>
      <c r="C17" s="118">
        <v>3.7883684964752491</v>
      </c>
      <c r="D17" s="119">
        <v>3.8889449842677053E-2</v>
      </c>
    </row>
    <row r="18" spans="1:17">
      <c r="A18" s="43" t="s">
        <v>583</v>
      </c>
      <c r="B18" s="114">
        <v>898</v>
      </c>
      <c r="C18" s="115">
        <v>3.689822334218817</v>
      </c>
      <c r="D18" s="116">
        <v>8.2225983139935108E-2</v>
      </c>
    </row>
    <row r="19" spans="1:17">
      <c r="A19" s="47" t="s">
        <v>582</v>
      </c>
      <c r="B19" s="117">
        <v>2986</v>
      </c>
      <c r="C19" s="118">
        <v>3.8239228210441909</v>
      </c>
      <c r="D19" s="119">
        <v>4.4110920555737225E-2</v>
      </c>
    </row>
    <row r="20" spans="1:17">
      <c r="A20" s="43" t="s">
        <v>568</v>
      </c>
      <c r="B20" s="81">
        <v>7916</v>
      </c>
      <c r="C20" s="82">
        <v>3.5844330730338951</v>
      </c>
      <c r="D20" s="83">
        <v>2.7010165890756679E-2</v>
      </c>
    </row>
    <row r="21" spans="1:17">
      <c r="A21" s="47" t="s">
        <v>569</v>
      </c>
      <c r="B21" s="117">
        <v>5348</v>
      </c>
      <c r="C21" s="118">
        <v>3.7711473289310717</v>
      </c>
      <c r="D21" s="119">
        <v>3.3224709903951787E-2</v>
      </c>
    </row>
    <row r="22" spans="1:17">
      <c r="A22" s="55" t="s">
        <v>570</v>
      </c>
      <c r="B22" s="114">
        <v>1610</v>
      </c>
      <c r="C22" s="115">
        <v>3.5678195000004571</v>
      </c>
      <c r="D22" s="116">
        <v>6.1358872641457056E-2</v>
      </c>
    </row>
    <row r="23" spans="1:17">
      <c r="A23" s="47" t="s">
        <v>571</v>
      </c>
      <c r="B23" s="117">
        <v>3608</v>
      </c>
      <c r="C23" s="118">
        <v>3.8523522695319516</v>
      </c>
      <c r="D23" s="119">
        <v>4.056980565027371E-2</v>
      </c>
    </row>
    <row r="24" spans="1:17">
      <c r="A24" s="55" t="s">
        <v>572</v>
      </c>
      <c r="B24" s="114">
        <v>4087</v>
      </c>
      <c r="C24" s="115">
        <v>3.7291767605429307</v>
      </c>
      <c r="D24" s="116">
        <v>3.9483069788965611E-2</v>
      </c>
    </row>
    <row r="25" spans="1:17">
      <c r="A25" s="47" t="s">
        <v>573</v>
      </c>
      <c r="B25" s="117">
        <v>3898</v>
      </c>
      <c r="C25" s="118">
        <v>3.439657407356727</v>
      </c>
      <c r="D25" s="119">
        <v>3.5154782921639108E-2</v>
      </c>
    </row>
    <row r="26" spans="1:17">
      <c r="A26" s="55" t="s">
        <v>579</v>
      </c>
      <c r="B26" s="114">
        <v>9552</v>
      </c>
      <c r="C26" s="115">
        <v>3.6857596008177929</v>
      </c>
      <c r="D26" s="116">
        <v>2.4833294306794946E-2</v>
      </c>
    </row>
    <row r="27" spans="1:17">
      <c r="A27" s="47" t="s">
        <v>585</v>
      </c>
      <c r="B27" s="117">
        <v>1536</v>
      </c>
      <c r="C27" s="118">
        <v>3.7251201664291869</v>
      </c>
      <c r="D27" s="119">
        <v>5.8842081687947002E-2</v>
      </c>
    </row>
    <row r="28" spans="1:17">
      <c r="A28" s="55" t="s">
        <v>586</v>
      </c>
      <c r="B28" s="114">
        <v>905</v>
      </c>
      <c r="C28" s="115">
        <v>3.5761890812285611</v>
      </c>
      <c r="D28" s="116">
        <v>7.7816997028100479E-2</v>
      </c>
    </row>
    <row r="29" spans="1:17">
      <c r="A29" s="47" t="s">
        <v>584</v>
      </c>
      <c r="B29" s="117">
        <v>301</v>
      </c>
      <c r="C29" s="118">
        <v>3.3407038779477172</v>
      </c>
      <c r="D29" s="119">
        <v>0.1499882387617382</v>
      </c>
    </row>
    <row r="30" spans="1:17">
      <c r="A30" s="55" t="s">
        <v>587</v>
      </c>
      <c r="B30" s="114">
        <v>12902</v>
      </c>
      <c r="C30" s="115">
        <v>3.685865796123784</v>
      </c>
      <c r="D30" s="116">
        <v>2.1196709000688284E-2</v>
      </c>
    </row>
    <row r="32" spans="1:17" ht="18.75">
      <c r="A32" s="337" t="s">
        <v>34</v>
      </c>
      <c r="B32" s="337"/>
      <c r="C32" s="337"/>
      <c r="D32" s="337"/>
      <c r="E32" s="337"/>
      <c r="F32" s="337"/>
      <c r="G32" s="337"/>
      <c r="H32" s="337"/>
      <c r="I32" s="337"/>
      <c r="J32" s="337"/>
      <c r="K32" s="337"/>
      <c r="L32" s="337"/>
      <c r="M32" s="337"/>
      <c r="N32" s="337"/>
      <c r="O32" s="337"/>
      <c r="P32" s="337"/>
      <c r="Q32" s="337"/>
    </row>
    <row r="33" spans="1:45" ht="58.5" customHeight="1">
      <c r="A33" s="371" t="s">
        <v>547</v>
      </c>
      <c r="B33" s="371"/>
      <c r="C33" s="371"/>
      <c r="D33" s="371"/>
      <c r="E33" s="371"/>
      <c r="F33" s="371"/>
      <c r="G33" s="371"/>
      <c r="H33" s="371"/>
      <c r="I33" s="371"/>
      <c r="J33" s="371"/>
      <c r="K33" s="371"/>
      <c r="L33" s="371"/>
      <c r="M33" s="371"/>
      <c r="N33" s="371"/>
      <c r="O33" s="371"/>
      <c r="P33" s="371"/>
      <c r="Q33" s="371"/>
    </row>
    <row r="34" spans="1:45" ht="39" customHeight="1">
      <c r="A34" s="107"/>
      <c r="B34" s="379" t="s">
        <v>106</v>
      </c>
      <c r="C34" s="367"/>
      <c r="D34" s="367"/>
      <c r="E34" s="367"/>
      <c r="F34" s="367"/>
      <c r="G34" s="367"/>
      <c r="H34" s="368"/>
      <c r="I34" s="363" t="s">
        <v>273</v>
      </c>
      <c r="J34" s="377"/>
      <c r="K34" s="377"/>
      <c r="L34" s="377"/>
      <c r="M34" s="377"/>
      <c r="N34" s="377"/>
      <c r="O34" s="377"/>
      <c r="P34" s="377"/>
      <c r="Q34" s="377"/>
      <c r="R34" s="298"/>
      <c r="S34" s="298"/>
      <c r="T34" s="298"/>
      <c r="U34" s="298"/>
      <c r="V34" s="298"/>
      <c r="W34" s="298"/>
      <c r="X34" s="298"/>
      <c r="Y34" s="298"/>
      <c r="Z34" s="298"/>
      <c r="AA34" s="298"/>
      <c r="AB34" s="298"/>
      <c r="AC34" s="298"/>
      <c r="AD34" s="298"/>
      <c r="AE34" s="298"/>
      <c r="AF34" s="298"/>
      <c r="AG34" s="298"/>
      <c r="AH34" s="298"/>
      <c r="AI34" s="298"/>
      <c r="AJ34" s="298"/>
      <c r="AK34" s="298"/>
      <c r="AL34" s="298"/>
      <c r="AM34" s="298"/>
      <c r="AN34" s="298"/>
      <c r="AO34" s="298"/>
      <c r="AP34" s="298"/>
      <c r="AQ34" s="298"/>
      <c r="AR34" s="298"/>
      <c r="AS34" s="298"/>
    </row>
    <row r="35" spans="1:45" ht="39.75" customHeight="1">
      <c r="A35" s="35" t="s">
        <v>70</v>
      </c>
      <c r="B35" s="36" t="s">
        <v>71</v>
      </c>
      <c r="C35" s="36" t="s">
        <v>173</v>
      </c>
      <c r="D35" s="87" t="s">
        <v>107</v>
      </c>
      <c r="E35" s="36" t="s">
        <v>186</v>
      </c>
      <c r="F35" s="87" t="s">
        <v>529</v>
      </c>
      <c r="G35" s="36" t="s">
        <v>188</v>
      </c>
      <c r="H35" s="87" t="s">
        <v>530</v>
      </c>
      <c r="I35" s="63" t="s">
        <v>71</v>
      </c>
      <c r="J35" s="63" t="s">
        <v>174</v>
      </c>
      <c r="K35" s="86" t="s">
        <v>108</v>
      </c>
      <c r="L35" s="63" t="s">
        <v>175</v>
      </c>
      <c r="M35" s="86" t="s">
        <v>109</v>
      </c>
      <c r="N35" s="63" t="s">
        <v>176</v>
      </c>
      <c r="O35" s="86" t="s">
        <v>110</v>
      </c>
      <c r="P35" s="63" t="s">
        <v>452</v>
      </c>
      <c r="Q35" s="86" t="s">
        <v>111</v>
      </c>
    </row>
    <row r="36" spans="1:45" ht="63" customHeight="1">
      <c r="A36" s="39"/>
      <c r="B36" s="40" t="s">
        <v>73</v>
      </c>
      <c r="C36" s="40" t="s">
        <v>185</v>
      </c>
      <c r="D36" s="89" t="s">
        <v>87</v>
      </c>
      <c r="E36" s="40" t="s">
        <v>187</v>
      </c>
      <c r="F36" s="89" t="s">
        <v>87</v>
      </c>
      <c r="G36" s="40" t="s">
        <v>189</v>
      </c>
      <c r="H36" s="89" t="s">
        <v>87</v>
      </c>
      <c r="I36" s="66" t="s">
        <v>73</v>
      </c>
      <c r="J36" s="66" t="s">
        <v>274</v>
      </c>
      <c r="K36" s="88" t="s">
        <v>87</v>
      </c>
      <c r="L36" s="66" t="s">
        <v>275</v>
      </c>
      <c r="M36" s="88" t="s">
        <v>87</v>
      </c>
      <c r="N36" s="66" t="s">
        <v>276</v>
      </c>
      <c r="O36" s="88" t="s">
        <v>87</v>
      </c>
      <c r="P36" s="66" t="s">
        <v>453</v>
      </c>
      <c r="Q36" s="88" t="s">
        <v>87</v>
      </c>
    </row>
    <row r="37" spans="1:45">
      <c r="A37" s="43" t="s">
        <v>348</v>
      </c>
      <c r="B37" s="120">
        <v>12826</v>
      </c>
      <c r="C37" s="121">
        <v>0.39013594225533765</v>
      </c>
      <c r="D37" s="92">
        <v>8.6128728508205275E-3</v>
      </c>
      <c r="E37" s="121">
        <v>0.39765529260872923</v>
      </c>
      <c r="F37" s="92">
        <v>8.6416867646339837E-3</v>
      </c>
      <c r="G37" s="121">
        <v>0.21220876513595732</v>
      </c>
      <c r="H37" s="92">
        <v>7.2205612906470363E-3</v>
      </c>
      <c r="I37" s="122">
        <v>13248</v>
      </c>
      <c r="J37" s="121">
        <v>8.6136148489609266E-2</v>
      </c>
      <c r="K37" s="92">
        <v>4.8776177899403084E-3</v>
      </c>
      <c r="L37" s="121">
        <v>0.36389344524439077</v>
      </c>
      <c r="M37" s="92">
        <v>8.358951838977384E-3</v>
      </c>
      <c r="N37" s="121">
        <v>0.41575309974401586</v>
      </c>
      <c r="O37" s="92">
        <v>8.5626672652034455E-3</v>
      </c>
      <c r="P37" s="121">
        <v>0.13421730652200231</v>
      </c>
      <c r="Q37" s="92">
        <v>5.9244610991499537E-3</v>
      </c>
    </row>
    <row r="38" spans="1:45">
      <c r="A38" s="47" t="s">
        <v>349</v>
      </c>
      <c r="B38" s="47">
        <v>9430</v>
      </c>
      <c r="C38" s="124">
        <v>0.4043696540164739</v>
      </c>
      <c r="D38" s="95">
        <v>1.0105707783584226E-2</v>
      </c>
      <c r="E38" s="124">
        <v>0.40056797631620755</v>
      </c>
      <c r="F38" s="95">
        <v>1.0090152347239631E-2</v>
      </c>
      <c r="G38" s="124">
        <v>0.19506236966732188</v>
      </c>
      <c r="H38" s="95">
        <v>8.161292155039029E-3</v>
      </c>
      <c r="I38" s="47">
        <v>9814</v>
      </c>
      <c r="J38" s="124">
        <v>9.1078975540440338E-2</v>
      </c>
      <c r="K38" s="95">
        <v>5.8122951467587669E-3</v>
      </c>
      <c r="L38" s="124">
        <v>0.35863998213530723</v>
      </c>
      <c r="M38" s="95">
        <v>9.6808645333178039E-3</v>
      </c>
      <c r="N38" s="124">
        <v>0.41783543704047538</v>
      </c>
      <c r="O38" s="95">
        <v>9.9551752429515861E-3</v>
      </c>
      <c r="P38" s="124">
        <v>0.13244560528377944</v>
      </c>
      <c r="Q38" s="95">
        <v>6.8453160618524248E-3</v>
      </c>
    </row>
    <row r="39" spans="1:45">
      <c r="A39" s="43" t="s">
        <v>350</v>
      </c>
      <c r="B39" s="51">
        <v>3396</v>
      </c>
      <c r="C39" s="121">
        <v>0.37826662069572459</v>
      </c>
      <c r="D39" s="92">
        <v>1.6635038574700226E-2</v>
      </c>
      <c r="E39" s="121">
        <v>0.39522644059136169</v>
      </c>
      <c r="F39" s="92">
        <v>1.6770012293092443E-2</v>
      </c>
      <c r="G39" s="121">
        <v>0.226506938712913</v>
      </c>
      <c r="H39" s="92">
        <v>1.4364066205567778E-2</v>
      </c>
      <c r="I39" s="51">
        <v>3434</v>
      </c>
      <c r="J39" s="121">
        <v>8.1964834065367226E-2</v>
      </c>
      <c r="K39" s="92">
        <v>9.3818858774779128E-3</v>
      </c>
      <c r="L39" s="121">
        <v>0.36832690937710238</v>
      </c>
      <c r="M39" s="92">
        <v>1.6454231396449841E-2</v>
      </c>
      <c r="N39" s="121">
        <v>0.41399578889506777</v>
      </c>
      <c r="O39" s="92">
        <v>1.6801218734391991E-2</v>
      </c>
      <c r="P39" s="121">
        <v>0.13571246766246228</v>
      </c>
      <c r="Q39" s="92">
        <v>1.1697327494316968E-2</v>
      </c>
    </row>
    <row r="40" spans="1:45">
      <c r="A40" s="47" t="s">
        <v>574</v>
      </c>
      <c r="B40" s="47">
        <v>4594</v>
      </c>
      <c r="C40" s="124">
        <v>0.38048922257699352</v>
      </c>
      <c r="D40" s="95">
        <v>1.4320692079557324E-2</v>
      </c>
      <c r="E40" s="124">
        <v>0.39694447716758452</v>
      </c>
      <c r="F40" s="95">
        <v>1.4431311396505818E-2</v>
      </c>
      <c r="G40" s="124">
        <v>0.22256630025542312</v>
      </c>
      <c r="H40" s="95">
        <v>1.2273680705380255E-2</v>
      </c>
      <c r="I40" s="47">
        <v>4663</v>
      </c>
      <c r="J40" s="124">
        <v>8.7380764919591944E-2</v>
      </c>
      <c r="K40" s="95">
        <v>8.2824100782059266E-3</v>
      </c>
      <c r="L40" s="124">
        <v>0.37019520430695463</v>
      </c>
      <c r="M40" s="95">
        <v>1.4136970696973332E-2</v>
      </c>
      <c r="N40" s="124">
        <v>0.40855558482629256</v>
      </c>
      <c r="O40" s="95">
        <v>1.4391514973994759E-2</v>
      </c>
      <c r="P40" s="124">
        <v>0.13386844594716241</v>
      </c>
      <c r="Q40" s="95">
        <v>9.9786519165648985E-3</v>
      </c>
    </row>
    <row r="41" spans="1:45">
      <c r="A41" s="43" t="s">
        <v>575</v>
      </c>
      <c r="B41" s="51">
        <v>4742</v>
      </c>
      <c r="C41" s="121">
        <v>0.41233293075385219</v>
      </c>
      <c r="D41" s="92">
        <v>1.4291158006702562E-2</v>
      </c>
      <c r="E41" s="121">
        <v>0.40584151238728799</v>
      </c>
      <c r="F41" s="92">
        <v>1.4256370291729268E-2</v>
      </c>
      <c r="G41" s="121">
        <v>0.18182555685885735</v>
      </c>
      <c r="H41" s="92">
        <v>1.120380092231643E-2</v>
      </c>
      <c r="I41" s="51">
        <v>4945</v>
      </c>
      <c r="J41" s="121">
        <v>7.7646204697164448E-2</v>
      </c>
      <c r="K41" s="92">
        <v>7.623463935266501E-3</v>
      </c>
      <c r="L41" s="121">
        <v>0.35322040240787012</v>
      </c>
      <c r="M41" s="92">
        <v>1.3589560185512328E-2</v>
      </c>
      <c r="N41" s="121">
        <v>0.43071095612482585</v>
      </c>
      <c r="O41" s="92">
        <v>1.407788817697757E-2</v>
      </c>
      <c r="P41" s="121">
        <v>0.13842243677013777</v>
      </c>
      <c r="Q41" s="92">
        <v>9.8266616567783856E-3</v>
      </c>
    </row>
    <row r="42" spans="1:45">
      <c r="A42" s="47" t="s">
        <v>576</v>
      </c>
      <c r="B42" s="47">
        <v>2897</v>
      </c>
      <c r="C42" s="124">
        <v>0.42216702305264492</v>
      </c>
      <c r="D42" s="95">
        <v>1.8340632387478906E-2</v>
      </c>
      <c r="E42" s="124">
        <v>0.38013419758650613</v>
      </c>
      <c r="F42" s="95">
        <v>1.8026438271705247E-2</v>
      </c>
      <c r="G42" s="124">
        <v>0.1976987793608477</v>
      </c>
      <c r="H42" s="95">
        <v>1.4800328435989928E-2</v>
      </c>
      <c r="I42" s="47">
        <v>3024</v>
      </c>
      <c r="J42" s="124">
        <v>8.955531014899909E-2</v>
      </c>
      <c r="K42" s="95">
        <v>1.040652854004636E-2</v>
      </c>
      <c r="L42" s="124">
        <v>0.35087181218884261</v>
      </c>
      <c r="M42" s="95">
        <v>1.734792390007444E-2</v>
      </c>
      <c r="N42" s="124">
        <v>0.43315603384346507</v>
      </c>
      <c r="O42" s="95">
        <v>1.8010113157414648E-2</v>
      </c>
      <c r="P42" s="124">
        <v>0.12641684381868887</v>
      </c>
      <c r="Q42" s="95">
        <v>1.2098457386870268E-2</v>
      </c>
    </row>
    <row r="43" spans="1:45">
      <c r="A43" s="43" t="s">
        <v>577</v>
      </c>
      <c r="B43" s="51">
        <v>383</v>
      </c>
      <c r="C43" s="121">
        <v>0.36354354770122316</v>
      </c>
      <c r="D43" s="92">
        <v>4.89436278023846E-2</v>
      </c>
      <c r="E43" s="121">
        <v>0.43105851226770137</v>
      </c>
      <c r="F43" s="92">
        <v>5.0357360173749373E-2</v>
      </c>
      <c r="G43" s="121">
        <v>0.20539794003107528</v>
      </c>
      <c r="H43" s="92">
        <v>4.1296116102256204E-2</v>
      </c>
      <c r="I43" s="51">
        <v>397</v>
      </c>
      <c r="J43" s="121">
        <v>0.10911197266813254</v>
      </c>
      <c r="K43" s="92">
        <v>3.1621135523433729E-2</v>
      </c>
      <c r="L43" s="121">
        <v>0.31234989663787649</v>
      </c>
      <c r="M43" s="92">
        <v>4.6362598863475414E-2</v>
      </c>
      <c r="N43" s="121">
        <v>0.45194387183917301</v>
      </c>
      <c r="O43" s="92">
        <v>4.9711030442746044E-2</v>
      </c>
      <c r="P43" s="121">
        <v>0.12659425885481781</v>
      </c>
      <c r="Q43" s="92">
        <v>3.3623403779738589E-2</v>
      </c>
    </row>
    <row r="44" spans="1:45">
      <c r="A44" s="47" t="s">
        <v>578</v>
      </c>
      <c r="B44" s="47">
        <v>137</v>
      </c>
      <c r="C44" s="124">
        <v>0.2111903630463334</v>
      </c>
      <c r="D44" s="95">
        <v>6.97013700435649E-2</v>
      </c>
      <c r="E44" s="124">
        <v>0.39115235910050428</v>
      </c>
      <c r="F44" s="95">
        <v>8.2309719908914072E-2</v>
      </c>
      <c r="G44" s="124">
        <v>0.39765727785316157</v>
      </c>
      <c r="H44" s="95">
        <v>8.2532917861052491E-2</v>
      </c>
      <c r="I44" s="47">
        <v>143</v>
      </c>
      <c r="J44" s="124">
        <v>6.2105308301603997E-2</v>
      </c>
      <c r="K44" s="95">
        <v>4.3186584521332748E-2</v>
      </c>
      <c r="L44" s="124">
        <v>0.28399633729831425</v>
      </c>
      <c r="M44" s="95">
        <v>7.4841703074075699E-2</v>
      </c>
      <c r="N44" s="124">
        <v>0.44706125283136117</v>
      </c>
      <c r="O44" s="95">
        <v>8.203996563507493E-2</v>
      </c>
      <c r="P44" s="124">
        <v>0.20683710156872004</v>
      </c>
      <c r="Q44" s="95">
        <v>6.7746853691465908E-2</v>
      </c>
    </row>
    <row r="45" spans="1:45">
      <c r="A45" s="43" t="s">
        <v>581</v>
      </c>
      <c r="B45" s="51">
        <v>9103</v>
      </c>
      <c r="C45" s="121">
        <v>0.39187795293669153</v>
      </c>
      <c r="D45" s="92">
        <v>1.0231103363002127E-2</v>
      </c>
      <c r="E45" s="121">
        <v>0.39622924430877177</v>
      </c>
      <c r="F45" s="92">
        <v>1.0250857856488112E-2</v>
      </c>
      <c r="G45" s="121">
        <v>0.21189280275456177</v>
      </c>
      <c r="H45" s="92">
        <v>8.5661929041198643E-3</v>
      </c>
      <c r="I45" s="51">
        <v>9359</v>
      </c>
      <c r="J45" s="121">
        <v>8.7576877106450013E-2</v>
      </c>
      <c r="K45" s="92">
        <v>5.8480334537332661E-3</v>
      </c>
      <c r="L45" s="121">
        <v>0.36852365754766647</v>
      </c>
      <c r="M45" s="92">
        <v>9.9712014643980208E-3</v>
      </c>
      <c r="N45" s="121">
        <v>0.41160327523462853</v>
      </c>
      <c r="O45" s="92">
        <v>1.0171921574036418E-2</v>
      </c>
      <c r="P45" s="121">
        <v>0.13229619011128052</v>
      </c>
      <c r="Q45" s="92">
        <v>7.0064862840757622E-3</v>
      </c>
    </row>
    <row r="46" spans="1:45">
      <c r="A46" s="47" t="s">
        <v>580</v>
      </c>
      <c r="B46" s="47">
        <v>3711</v>
      </c>
      <c r="C46" s="124">
        <v>0.37200756560172932</v>
      </c>
      <c r="D46" s="95">
        <v>1.5861214887798149E-2</v>
      </c>
      <c r="E46" s="124">
        <v>0.40974180875757016</v>
      </c>
      <c r="F46" s="95">
        <v>1.6137731298362188E-2</v>
      </c>
      <c r="G46" s="124">
        <v>0.21825062564070058</v>
      </c>
      <c r="H46" s="95">
        <v>1.3560616846136039E-2</v>
      </c>
      <c r="I46" s="47">
        <v>3877</v>
      </c>
      <c r="J46" s="124">
        <v>7.1714578332020121E-2</v>
      </c>
      <c r="K46" s="95">
        <v>8.306763955936115E-3</v>
      </c>
      <c r="L46" s="124">
        <v>0.32660696615139195</v>
      </c>
      <c r="M46" s="95">
        <v>1.5057967452790401E-2</v>
      </c>
      <c r="N46" s="124">
        <v>0.44814247430770626</v>
      </c>
      <c r="O46" s="95">
        <v>1.5965575486348343E-2</v>
      </c>
      <c r="P46" s="124">
        <v>0.15353598120888159</v>
      </c>
      <c r="Q46" s="95">
        <v>1.1584580997973054E-2</v>
      </c>
    </row>
    <row r="47" spans="1:45">
      <c r="A47" s="43" t="s">
        <v>583</v>
      </c>
      <c r="B47" s="120">
        <v>866</v>
      </c>
      <c r="C47" s="121">
        <v>0.40457772337924225</v>
      </c>
      <c r="D47" s="92">
        <v>3.3285813799395082E-2</v>
      </c>
      <c r="E47" s="121">
        <v>0.38830156002869776</v>
      </c>
      <c r="F47" s="92">
        <v>3.3054321127882924E-2</v>
      </c>
      <c r="G47" s="121">
        <v>0.20712071659205702</v>
      </c>
      <c r="H47" s="92">
        <v>2.7543793997360958E-2</v>
      </c>
      <c r="I47" s="122">
        <v>897</v>
      </c>
      <c r="J47" s="121">
        <v>8.1643156344591628E-2</v>
      </c>
      <c r="K47" s="92">
        <v>1.8432241477290338E-2</v>
      </c>
      <c r="L47" s="121">
        <v>0.34300616997199873</v>
      </c>
      <c r="M47" s="92">
        <v>3.1645321704803185E-2</v>
      </c>
      <c r="N47" s="121">
        <v>0.43046373532386445</v>
      </c>
      <c r="O47" s="92">
        <v>3.2993965429888035E-2</v>
      </c>
      <c r="P47" s="121">
        <v>0.1448869383595435</v>
      </c>
      <c r="Q47" s="92">
        <v>2.3558265529415531E-2</v>
      </c>
    </row>
    <row r="48" spans="1:45">
      <c r="A48" s="47" t="s">
        <v>582</v>
      </c>
      <c r="B48" s="123">
        <v>2845</v>
      </c>
      <c r="C48" s="124">
        <v>0.3601960477840791</v>
      </c>
      <c r="D48" s="95">
        <v>1.7989884417855928E-2</v>
      </c>
      <c r="E48" s="124">
        <v>0.41751708211073696</v>
      </c>
      <c r="F48" s="95">
        <v>1.8479045607712637E-2</v>
      </c>
      <c r="G48" s="124">
        <v>0.22228687010518569</v>
      </c>
      <c r="H48" s="95">
        <v>1.5589136423980132E-2</v>
      </c>
      <c r="I48" s="125">
        <v>2980</v>
      </c>
      <c r="J48" s="124">
        <v>6.8126776053893862E-2</v>
      </c>
      <c r="K48" s="95">
        <v>9.2612674738889317E-3</v>
      </c>
      <c r="L48" s="124">
        <v>0.32068093114894447</v>
      </c>
      <c r="M48" s="95">
        <v>1.7091883100986031E-2</v>
      </c>
      <c r="N48" s="124">
        <v>0.4545308835965613</v>
      </c>
      <c r="O48" s="95">
        <v>1.8230652768566898E-2</v>
      </c>
      <c r="P48" s="124">
        <v>0.1566614092006017</v>
      </c>
      <c r="Q48" s="95">
        <v>1.3323890340556852E-2</v>
      </c>
    </row>
    <row r="49" spans="1:17">
      <c r="A49" s="43" t="s">
        <v>568</v>
      </c>
      <c r="B49" s="81">
        <v>7623</v>
      </c>
      <c r="C49" s="96">
        <v>0.39788371295005254</v>
      </c>
      <c r="D49" s="92">
        <v>1.1209372512621951E-2</v>
      </c>
      <c r="E49" s="96">
        <v>0.40294950606668373</v>
      </c>
      <c r="F49" s="92">
        <v>1.1232925587818274E-2</v>
      </c>
      <c r="G49" s="96">
        <v>0.19916678098325225</v>
      </c>
      <c r="H49" s="92">
        <v>9.1487503747069796E-3</v>
      </c>
      <c r="I49" s="81">
        <v>7901</v>
      </c>
      <c r="J49" s="96">
        <v>9.5924902375203763E-2</v>
      </c>
      <c r="K49" s="92">
        <v>6.6307131420035989E-3</v>
      </c>
      <c r="L49" s="96">
        <v>0.39600520751587354</v>
      </c>
      <c r="M49" s="92">
        <v>1.1001604741883688E-2</v>
      </c>
      <c r="N49" s="96">
        <v>0.39787233354431628</v>
      </c>
      <c r="O49" s="92">
        <v>1.1010442802948005E-2</v>
      </c>
      <c r="P49" s="96">
        <v>0.110197556564597</v>
      </c>
      <c r="Q49" s="92">
        <v>7.0493978793407415E-3</v>
      </c>
    </row>
    <row r="50" spans="1:17">
      <c r="A50" s="47" t="s">
        <v>569</v>
      </c>
      <c r="B50" s="123">
        <v>5190</v>
      </c>
      <c r="C50" s="124">
        <v>0.38255035325487169</v>
      </c>
      <c r="D50" s="95">
        <v>1.3487877841588598E-2</v>
      </c>
      <c r="E50" s="124">
        <v>0.39180093077496764</v>
      </c>
      <c r="F50" s="95">
        <v>1.3547247179042422E-2</v>
      </c>
      <c r="G50" s="124">
        <v>0.22564871597017774</v>
      </c>
      <c r="H50" s="95">
        <v>1.1604019192894615E-2</v>
      </c>
      <c r="I50" s="125">
        <v>5334</v>
      </c>
      <c r="J50" s="124">
        <v>7.6282274296857841E-2</v>
      </c>
      <c r="K50" s="95">
        <v>7.2803032796164412E-3</v>
      </c>
      <c r="L50" s="124">
        <v>0.33158790146398809</v>
      </c>
      <c r="M50" s="95">
        <v>1.2888543040262513E-2</v>
      </c>
      <c r="N50" s="124">
        <v>0.43380865736023494</v>
      </c>
      <c r="O50" s="95">
        <v>1.3566794085449901E-2</v>
      </c>
      <c r="P50" s="124">
        <v>0.15832116687893827</v>
      </c>
      <c r="Q50" s="95">
        <v>9.9992683504342705E-3</v>
      </c>
    </row>
    <row r="51" spans="1:17">
      <c r="A51" s="55" t="s">
        <v>570</v>
      </c>
      <c r="B51" s="120">
        <v>1587</v>
      </c>
      <c r="C51" s="121">
        <v>0.43960430671639794</v>
      </c>
      <c r="D51" s="92">
        <v>2.4887966622005653E-2</v>
      </c>
      <c r="E51" s="121">
        <v>0.39757691782854615</v>
      </c>
      <c r="F51" s="92">
        <v>2.4541666365840334E-2</v>
      </c>
      <c r="G51" s="121">
        <v>0.16281877545505899</v>
      </c>
      <c r="H51" s="92">
        <v>1.8550881307900544E-2</v>
      </c>
      <c r="I51" s="122">
        <v>1607</v>
      </c>
      <c r="J51" s="121">
        <v>7.6021563467969525E-2</v>
      </c>
      <c r="K51" s="92">
        <v>1.3289857308181115E-2</v>
      </c>
      <c r="L51" s="121">
        <v>0.34720732015740524</v>
      </c>
      <c r="M51" s="92">
        <v>2.3728768630336527E-2</v>
      </c>
      <c r="N51" s="121">
        <v>0.42053336528344148</v>
      </c>
      <c r="O51" s="92">
        <v>2.4599403694541722E-2</v>
      </c>
      <c r="P51" s="121">
        <v>0.1562377510911874</v>
      </c>
      <c r="Q51" s="92">
        <v>1.8132118460463489E-2</v>
      </c>
    </row>
    <row r="52" spans="1:17">
      <c r="A52" s="47" t="s">
        <v>571</v>
      </c>
      <c r="B52" s="123">
        <v>3545</v>
      </c>
      <c r="C52" s="124">
        <v>0.25458590557204785</v>
      </c>
      <c r="D52" s="95">
        <v>1.4630129798753097E-2</v>
      </c>
      <c r="E52" s="124">
        <v>0.43267054008060979</v>
      </c>
      <c r="F52" s="95">
        <v>1.6633450927432764E-2</v>
      </c>
      <c r="G52" s="124">
        <v>0.31274355434734064</v>
      </c>
      <c r="H52" s="95">
        <v>1.5567195748978961E-2</v>
      </c>
      <c r="I52" s="125">
        <v>3602</v>
      </c>
      <c r="J52" s="124">
        <v>0.10582543994925993</v>
      </c>
      <c r="K52" s="95">
        <v>1.0263901340334716E-2</v>
      </c>
      <c r="L52" s="124">
        <v>0.40097296739628868</v>
      </c>
      <c r="M52" s="95">
        <v>1.6323660317828597E-2</v>
      </c>
      <c r="N52" s="124">
        <v>0.382841347886484</v>
      </c>
      <c r="O52" s="95">
        <v>1.6190226818149717E-2</v>
      </c>
      <c r="P52" s="124">
        <v>0.11036024476796431</v>
      </c>
      <c r="Q52" s="95">
        <v>1.0453790712311355E-2</v>
      </c>
    </row>
    <row r="53" spans="1:17">
      <c r="A53" s="55" t="s">
        <v>572</v>
      </c>
      <c r="B53" s="120">
        <v>3958</v>
      </c>
      <c r="C53" s="121">
        <v>0.3468888754452219</v>
      </c>
      <c r="D53" s="92">
        <v>1.5125398618115354E-2</v>
      </c>
      <c r="E53" s="121">
        <v>0.42832185416085417</v>
      </c>
      <c r="F53" s="92">
        <v>1.5723269818008916E-2</v>
      </c>
      <c r="G53" s="121">
        <v>0.22478927039393257</v>
      </c>
      <c r="H53" s="92">
        <v>1.3269691657652093E-2</v>
      </c>
      <c r="I53" s="122">
        <v>4077</v>
      </c>
      <c r="J53" s="121">
        <v>9.6430319407104101E-2</v>
      </c>
      <c r="K53" s="92">
        <v>9.2582342488770134E-3</v>
      </c>
      <c r="L53" s="121">
        <v>0.36784682721653783</v>
      </c>
      <c r="M53" s="92">
        <v>1.5098135496223346E-2</v>
      </c>
      <c r="N53" s="121">
        <v>0.40009108365390533</v>
      </c>
      <c r="O53" s="92">
        <v>1.5338627000315599E-2</v>
      </c>
      <c r="P53" s="121">
        <v>0.13563176972246091</v>
      </c>
      <c r="Q53" s="92">
        <v>1.0731442369682837E-2</v>
      </c>
    </row>
    <row r="54" spans="1:17">
      <c r="A54" s="47" t="s">
        <v>573</v>
      </c>
      <c r="B54" s="123">
        <v>3672</v>
      </c>
      <c r="C54" s="124">
        <v>0.61711885566010072</v>
      </c>
      <c r="D54" s="95">
        <v>1.6035631198873954E-2</v>
      </c>
      <c r="E54" s="124">
        <v>0.30778556550424807</v>
      </c>
      <c r="F54" s="95">
        <v>1.5228901745622699E-2</v>
      </c>
      <c r="G54" s="124">
        <v>7.5095578835643592E-2</v>
      </c>
      <c r="H54" s="95">
        <v>8.7181057226655197E-3</v>
      </c>
      <c r="I54" s="125">
        <v>3890</v>
      </c>
      <c r="J54" s="124">
        <v>4.9092199960555839E-2</v>
      </c>
      <c r="K54" s="95">
        <v>6.9557000302114839E-3</v>
      </c>
      <c r="L54" s="124">
        <v>0.31372684006464618</v>
      </c>
      <c r="M54" s="95">
        <v>1.4874014931323662E-2</v>
      </c>
      <c r="N54" s="124">
        <v>0.48637621338635911</v>
      </c>
      <c r="O54" s="95">
        <v>1.6019209499753169E-2</v>
      </c>
      <c r="P54" s="124">
        <v>0.15080474658843263</v>
      </c>
      <c r="Q54" s="95">
        <v>1.1480675779907036E-2</v>
      </c>
    </row>
    <row r="55" spans="1:17">
      <c r="A55" s="55" t="s">
        <v>579</v>
      </c>
      <c r="B55" s="120">
        <v>9278</v>
      </c>
      <c r="C55" s="121">
        <v>0.37707781764186832</v>
      </c>
      <c r="D55" s="92">
        <v>1.0061289388375491E-2</v>
      </c>
      <c r="E55" s="121">
        <v>0.40983925514492325</v>
      </c>
      <c r="F55" s="92">
        <v>1.0209569698093597E-2</v>
      </c>
      <c r="G55" s="121">
        <v>0.21308292721323052</v>
      </c>
      <c r="H55" s="92">
        <v>8.5023674281248414E-3</v>
      </c>
      <c r="I55" s="122">
        <v>9539</v>
      </c>
      <c r="J55" s="121">
        <v>9.1352550100448043E-2</v>
      </c>
      <c r="K55" s="92">
        <v>5.903525062211477E-3</v>
      </c>
      <c r="L55" s="121">
        <v>0.36985339874863543</v>
      </c>
      <c r="M55" s="92">
        <v>9.8840826089498096E-3</v>
      </c>
      <c r="N55" s="121">
        <v>0.40457791422329076</v>
      </c>
      <c r="O55" s="92">
        <v>1.0048655749732805E-2</v>
      </c>
      <c r="P55" s="121">
        <v>0.13421613692765005</v>
      </c>
      <c r="Q55" s="92">
        <v>6.9823899740062718E-3</v>
      </c>
    </row>
    <row r="56" spans="1:17">
      <c r="A56" s="47" t="s">
        <v>585</v>
      </c>
      <c r="B56" s="123">
        <v>1498</v>
      </c>
      <c r="C56" s="124">
        <v>0.41938258575512277</v>
      </c>
      <c r="D56" s="95">
        <v>2.5466899876992639E-2</v>
      </c>
      <c r="E56" s="124">
        <v>0.35253417656645752</v>
      </c>
      <c r="F56" s="95">
        <v>2.466119297501693E-2</v>
      </c>
      <c r="G56" s="124">
        <v>0.22808323767842245</v>
      </c>
      <c r="H56" s="95">
        <v>2.1677613970256037E-2</v>
      </c>
      <c r="I56" s="125">
        <v>1531</v>
      </c>
      <c r="J56" s="124">
        <v>5.7709341245819543E-2</v>
      </c>
      <c r="K56" s="95">
        <v>1.2014884154322452E-2</v>
      </c>
      <c r="L56" s="124">
        <v>0.35321293773862145</v>
      </c>
      <c r="M56" s="95">
        <v>2.4405142097116111E-2</v>
      </c>
      <c r="N56" s="124">
        <v>0.44820514017995089</v>
      </c>
      <c r="O56" s="95">
        <v>2.5387229384259826E-2</v>
      </c>
      <c r="P56" s="124">
        <v>0.14087258083561119</v>
      </c>
      <c r="Q56" s="95">
        <v>1.7808155392011738E-2</v>
      </c>
    </row>
    <row r="57" spans="1:17">
      <c r="A57" s="55" t="s">
        <v>586</v>
      </c>
      <c r="B57" s="120">
        <v>887</v>
      </c>
      <c r="C57" s="121">
        <v>0.4270995481428676</v>
      </c>
      <c r="D57" s="92">
        <v>3.3146488724626756E-2</v>
      </c>
      <c r="E57" s="121">
        <v>0.37783000390668492</v>
      </c>
      <c r="F57" s="92">
        <v>3.2495062391961843E-2</v>
      </c>
      <c r="G57" s="121">
        <v>0.19507044795044742</v>
      </c>
      <c r="H57" s="92">
        <v>2.6620410202600406E-2</v>
      </c>
      <c r="I57" s="122">
        <v>900</v>
      </c>
      <c r="J57" s="121">
        <v>8.8066341836752868E-2</v>
      </c>
      <c r="K57" s="92">
        <v>1.9025950436777898E-2</v>
      </c>
      <c r="L57" s="121">
        <v>0.34546675365952723</v>
      </c>
      <c r="M57" s="92">
        <v>3.1645879395915302E-2</v>
      </c>
      <c r="N57" s="121">
        <v>0.44326420503927105</v>
      </c>
      <c r="O57" s="92">
        <v>3.3046593068371974E-2</v>
      </c>
      <c r="P57" s="121">
        <v>0.12320269946444901</v>
      </c>
      <c r="Q57" s="92">
        <v>2.1989281500301848E-2</v>
      </c>
    </row>
    <row r="58" spans="1:17">
      <c r="A58" s="47" t="s">
        <v>584</v>
      </c>
      <c r="B58" s="123">
        <v>298</v>
      </c>
      <c r="C58" s="124">
        <v>0.51497433465752795</v>
      </c>
      <c r="D58" s="95">
        <v>5.7518401299824974E-2</v>
      </c>
      <c r="E58" s="124">
        <v>0.30859471157754809</v>
      </c>
      <c r="F58" s="95">
        <v>5.3280226086623944E-2</v>
      </c>
      <c r="G58" s="124">
        <v>0.1764309537649239</v>
      </c>
      <c r="H58" s="95">
        <v>4.4283573530536698E-2</v>
      </c>
      <c r="I58" s="125">
        <v>299</v>
      </c>
      <c r="J58" s="124">
        <v>0.15345604553738423</v>
      </c>
      <c r="K58" s="95">
        <v>4.1910973250395195E-2</v>
      </c>
      <c r="L58" s="124">
        <v>0.43689994742414617</v>
      </c>
      <c r="M58" s="95">
        <v>5.700128128499761E-2</v>
      </c>
      <c r="N58" s="124">
        <v>0.24063954210400548</v>
      </c>
      <c r="O58" s="95">
        <v>4.9351768728475506E-2</v>
      </c>
      <c r="P58" s="124">
        <v>0.16900446493446417</v>
      </c>
      <c r="Q58" s="95">
        <v>4.3496592815924912E-2</v>
      </c>
    </row>
    <row r="59" spans="1:17">
      <c r="A59" s="55" t="s">
        <v>587</v>
      </c>
      <c r="B59" s="120">
        <v>12459</v>
      </c>
      <c r="C59" s="121">
        <v>0.38706306666246698</v>
      </c>
      <c r="D59" s="92">
        <v>8.7261957825040416E-3</v>
      </c>
      <c r="E59" s="121">
        <v>0.40015463479495617</v>
      </c>
      <c r="F59" s="92">
        <v>8.7772418619928832E-3</v>
      </c>
      <c r="G59" s="121">
        <v>0.21278229854260197</v>
      </c>
      <c r="H59" s="92">
        <v>7.3333513925819679E-3</v>
      </c>
      <c r="I59" s="122">
        <v>12876</v>
      </c>
      <c r="J59" s="121">
        <v>8.4460847322848573E-2</v>
      </c>
      <c r="K59" s="92">
        <v>4.903872411945921E-3</v>
      </c>
      <c r="L59" s="121">
        <v>0.36177502852091953</v>
      </c>
      <c r="M59" s="92">
        <v>8.4681669642768936E-3</v>
      </c>
      <c r="N59" s="121">
        <v>0.42033243163614281</v>
      </c>
      <c r="O59" s="92">
        <v>8.6988437178014862E-3</v>
      </c>
      <c r="P59" s="121">
        <v>0.13343169252010864</v>
      </c>
      <c r="Q59" s="92">
        <v>5.9945918707105311E-3</v>
      </c>
    </row>
    <row r="61" spans="1:17" ht="18.75">
      <c r="A61" s="337" t="s">
        <v>35</v>
      </c>
      <c r="B61" s="337"/>
      <c r="C61" s="337"/>
      <c r="D61" s="337"/>
      <c r="E61" s="337"/>
      <c r="F61" s="337"/>
      <c r="G61" s="337"/>
      <c r="H61" s="337"/>
      <c r="I61" s="337"/>
      <c r="J61" s="337"/>
      <c r="K61" s="337"/>
      <c r="L61" s="337"/>
      <c r="M61" s="337"/>
      <c r="N61" s="337"/>
      <c r="O61" s="337"/>
      <c r="P61" s="337"/>
    </row>
    <row r="62" spans="1:17" ht="81.75" customHeight="1">
      <c r="A62" s="370" t="s">
        <v>548</v>
      </c>
      <c r="B62" s="370"/>
      <c r="C62" s="370"/>
      <c r="D62" s="370"/>
      <c r="E62" s="370"/>
      <c r="F62" s="370"/>
      <c r="G62" s="370"/>
      <c r="H62" s="370"/>
      <c r="I62" s="370"/>
      <c r="J62" s="370"/>
      <c r="K62" s="370"/>
      <c r="L62" s="370"/>
      <c r="M62" s="370"/>
      <c r="N62" s="370"/>
      <c r="O62" s="370"/>
      <c r="P62" s="370"/>
    </row>
    <row r="63" spans="1:17" ht="42" customHeight="1">
      <c r="A63" s="107"/>
      <c r="B63" s="380" t="s">
        <v>328</v>
      </c>
      <c r="C63" s="381"/>
      <c r="D63" s="381"/>
      <c r="E63" s="381"/>
      <c r="F63" s="381"/>
      <c r="G63" s="381"/>
      <c r="H63" s="381"/>
      <c r="I63" s="380" t="s">
        <v>478</v>
      </c>
      <c r="J63" s="381"/>
      <c r="K63" s="380" t="s">
        <v>482</v>
      </c>
      <c r="L63" s="381"/>
      <c r="M63" s="380" t="s">
        <v>483</v>
      </c>
      <c r="N63" s="381"/>
      <c r="O63" s="380" t="s">
        <v>484</v>
      </c>
      <c r="P63" s="381"/>
    </row>
    <row r="64" spans="1:17" ht="39" customHeight="1">
      <c r="A64" s="35" t="s">
        <v>70</v>
      </c>
      <c r="B64" s="36" t="s">
        <v>71</v>
      </c>
      <c r="C64" s="36" t="s">
        <v>193</v>
      </c>
      <c r="D64" s="87" t="s">
        <v>112</v>
      </c>
      <c r="E64" s="36" t="s">
        <v>194</v>
      </c>
      <c r="F64" s="87" t="s">
        <v>277</v>
      </c>
      <c r="G64" s="36" t="s">
        <v>195</v>
      </c>
      <c r="H64" s="87" t="s">
        <v>278</v>
      </c>
      <c r="I64" s="63" t="s">
        <v>479</v>
      </c>
      <c r="J64" s="86" t="s">
        <v>481</v>
      </c>
      <c r="K64" s="63" t="s">
        <v>485</v>
      </c>
      <c r="L64" s="86" t="s">
        <v>486</v>
      </c>
      <c r="M64" s="63" t="s">
        <v>487</v>
      </c>
      <c r="N64" s="86" t="s">
        <v>488</v>
      </c>
      <c r="O64" s="63" t="s">
        <v>489</v>
      </c>
      <c r="P64" s="86" t="s">
        <v>490</v>
      </c>
    </row>
    <row r="65" spans="1:16" ht="60">
      <c r="A65" s="39"/>
      <c r="B65" s="40" t="s">
        <v>73</v>
      </c>
      <c r="C65" s="126" t="s">
        <v>177</v>
      </c>
      <c r="D65" s="89" t="s">
        <v>87</v>
      </c>
      <c r="E65" s="40" t="s">
        <v>190</v>
      </c>
      <c r="F65" s="89" t="s">
        <v>87</v>
      </c>
      <c r="G65" s="40" t="s">
        <v>191</v>
      </c>
      <c r="H65" s="89" t="s">
        <v>87</v>
      </c>
      <c r="I65" s="260" t="s">
        <v>480</v>
      </c>
      <c r="J65" s="88" t="s">
        <v>87</v>
      </c>
      <c r="K65" s="260" t="s">
        <v>480</v>
      </c>
      <c r="L65" s="88" t="s">
        <v>87</v>
      </c>
      <c r="M65" s="260" t="s">
        <v>480</v>
      </c>
      <c r="N65" s="88" t="s">
        <v>87</v>
      </c>
      <c r="O65" s="260" t="s">
        <v>480</v>
      </c>
      <c r="P65" s="88" t="s">
        <v>87</v>
      </c>
    </row>
    <row r="66" spans="1:16">
      <c r="A66" s="43" t="s">
        <v>348</v>
      </c>
      <c r="B66" s="127">
        <v>13199</v>
      </c>
      <c r="C66" s="121">
        <v>0.55799105640207791</v>
      </c>
      <c r="D66" s="92">
        <v>8.6441963919450977E-3</v>
      </c>
      <c r="E66" s="121">
        <v>0.22309973786757872</v>
      </c>
      <c r="F66" s="92">
        <v>7.2474301034588561E-3</v>
      </c>
      <c r="G66" s="121">
        <v>0.21890920573036099</v>
      </c>
      <c r="H66" s="92">
        <v>7.1984209206485752E-3</v>
      </c>
      <c r="I66" s="121">
        <v>0.32120433631265499</v>
      </c>
      <c r="J66" s="92">
        <v>8.1278036075746619E-3</v>
      </c>
      <c r="K66" s="121">
        <v>0.21223748272553189</v>
      </c>
      <c r="L66" s="92">
        <v>7.1181564636737622E-3</v>
      </c>
      <c r="M66" s="121">
        <v>0.10145863403891138</v>
      </c>
      <c r="N66" s="92">
        <v>5.2581904512326106E-3</v>
      </c>
      <c r="O66" s="121">
        <v>0.16916473945225585</v>
      </c>
      <c r="P66" s="92">
        <v>6.5269230126620489E-3</v>
      </c>
    </row>
    <row r="67" spans="1:16">
      <c r="A67" s="47" t="s">
        <v>349</v>
      </c>
      <c r="B67" s="47">
        <v>9769</v>
      </c>
      <c r="C67" s="124">
        <v>0.54151838350650428</v>
      </c>
      <c r="D67" s="95">
        <v>1.0080564338579633E-2</v>
      </c>
      <c r="E67" s="124">
        <v>0.21875773141156241</v>
      </c>
      <c r="F67" s="95">
        <v>8.3651330531702914E-3</v>
      </c>
      <c r="G67" s="124">
        <v>0.23972388508193027</v>
      </c>
      <c r="H67" s="95">
        <v>8.6382032719531099E-3</v>
      </c>
      <c r="I67" s="124">
        <v>0.36438203000617198</v>
      </c>
      <c r="J67" s="95">
        <v>9.7365862976547066E-3</v>
      </c>
      <c r="K67" s="124">
        <v>0.22675958426593701</v>
      </c>
      <c r="L67" s="95">
        <v>8.4728946069798604E-3</v>
      </c>
      <c r="M67" s="124">
        <v>9.8407585542624215E-2</v>
      </c>
      <c r="N67" s="95">
        <v>6.0305685919661072E-3</v>
      </c>
      <c r="O67" s="124">
        <v>0.17180607948003523</v>
      </c>
      <c r="P67" s="95">
        <v>7.6337128090536496E-3</v>
      </c>
    </row>
    <row r="68" spans="1:16">
      <c r="A68" s="43" t="s">
        <v>350</v>
      </c>
      <c r="B68" s="51">
        <v>3430</v>
      </c>
      <c r="C68" s="121">
        <v>0.57186925443077541</v>
      </c>
      <c r="D68" s="92">
        <v>1.6887956384368057E-2</v>
      </c>
      <c r="E68" s="121">
        <v>0.22675787069279807</v>
      </c>
      <c r="F68" s="92">
        <v>1.4298285518350605E-2</v>
      </c>
      <c r="G68" s="121">
        <v>0.20137287487642549</v>
      </c>
      <c r="H68" s="92">
        <v>1.3695646425436804E-2</v>
      </c>
      <c r="I68" s="121">
        <v>0.28482720509049392</v>
      </c>
      <c r="J68" s="92">
        <v>1.5407811651176322E-2</v>
      </c>
      <c r="K68" s="121">
        <v>0.20000263764309573</v>
      </c>
      <c r="L68" s="92">
        <v>1.3660801632079013E-2</v>
      </c>
      <c r="M68" s="121">
        <v>0.10402913704683589</v>
      </c>
      <c r="N68" s="92">
        <v>1.0440062991898674E-2</v>
      </c>
      <c r="O68" s="121">
        <v>0.16693941511059252</v>
      </c>
      <c r="P68" s="92">
        <v>1.2739444441949587E-2</v>
      </c>
    </row>
    <row r="69" spans="1:16">
      <c r="A69" s="47" t="s">
        <v>574</v>
      </c>
      <c r="B69" s="47">
        <v>4652</v>
      </c>
      <c r="C69" s="124">
        <v>0.56016733608236402</v>
      </c>
      <c r="D69" s="95">
        <v>1.454894893271122E-2</v>
      </c>
      <c r="E69" s="124">
        <v>0.22596259815726533</v>
      </c>
      <c r="F69" s="95">
        <v>1.2262607606713629E-2</v>
      </c>
      <c r="G69" s="124">
        <v>0.21387006576036888</v>
      </c>
      <c r="H69" s="95">
        <v>1.2023397543187561E-2</v>
      </c>
      <c r="I69" s="124">
        <v>0.30454059922985122</v>
      </c>
      <c r="J69" s="95">
        <v>1.3491159053467915E-2</v>
      </c>
      <c r="K69" s="124">
        <v>0.20866612488090028</v>
      </c>
      <c r="L69" s="95">
        <v>1.1915738842280177E-2</v>
      </c>
      <c r="M69" s="124">
        <v>0.1052246170368684</v>
      </c>
      <c r="N69" s="95">
        <v>9.0064916148907877E-3</v>
      </c>
      <c r="O69" s="124">
        <v>0.17275658721713552</v>
      </c>
      <c r="P69" s="95">
        <v>1.108757974296415E-2</v>
      </c>
    </row>
    <row r="70" spans="1:16">
      <c r="A70" s="43" t="s">
        <v>575</v>
      </c>
      <c r="B70" s="51">
        <v>4922</v>
      </c>
      <c r="C70" s="121">
        <v>0.56031339078709896</v>
      </c>
      <c r="D70" s="92">
        <v>1.4144093460749282E-2</v>
      </c>
      <c r="E70" s="121">
        <v>0.21394952294621752</v>
      </c>
      <c r="F70" s="92">
        <v>1.1690554645590682E-2</v>
      </c>
      <c r="G70" s="121">
        <v>0.22573708626668121</v>
      </c>
      <c r="H70" s="92">
        <v>1.1917362120030044E-2</v>
      </c>
      <c r="I70" s="121">
        <v>0.35682010949632514</v>
      </c>
      <c r="J70" s="92">
        <v>1.3652279414544733E-2</v>
      </c>
      <c r="K70" s="121">
        <v>0.2084733209898533</v>
      </c>
      <c r="L70" s="92">
        <v>1.1580366244340362E-2</v>
      </c>
      <c r="M70" s="121">
        <v>8.9017329974924203E-2</v>
      </c>
      <c r="N70" s="92">
        <v>8.1284573104190554E-3</v>
      </c>
      <c r="O70" s="121">
        <v>0.16136913340090855</v>
      </c>
      <c r="P70" s="92">
        <v>1.0490035105020149E-2</v>
      </c>
    </row>
    <row r="71" spans="1:16">
      <c r="A71" s="47" t="s">
        <v>576</v>
      </c>
      <c r="B71" s="47">
        <v>3009</v>
      </c>
      <c r="C71" s="124">
        <v>0.55545275726871413</v>
      </c>
      <c r="D71" s="95">
        <v>1.8105900479461232E-2</v>
      </c>
      <c r="E71" s="124">
        <v>0.2045923627464844</v>
      </c>
      <c r="F71" s="95">
        <v>1.4708851752880699E-2</v>
      </c>
      <c r="G71" s="124">
        <v>0.23995487998479742</v>
      </c>
      <c r="H71" s="95">
        <v>1.5567843134734449E-2</v>
      </c>
      <c r="I71" s="124">
        <v>0.3548191008506833</v>
      </c>
      <c r="J71" s="95">
        <v>1.7435231564762836E-2</v>
      </c>
      <c r="K71" s="124">
        <v>0.23540519233105783</v>
      </c>
      <c r="L71" s="95">
        <v>1.5466004099670959E-2</v>
      </c>
      <c r="M71" s="124">
        <v>9.8289817211210592E-2</v>
      </c>
      <c r="N71" s="95">
        <v>1.087338412416744E-2</v>
      </c>
      <c r="O71" s="124">
        <v>0.15698355159337773</v>
      </c>
      <c r="P71" s="95">
        <v>1.3270497148977933E-2</v>
      </c>
    </row>
    <row r="72" spans="1:16">
      <c r="A72" s="43" t="s">
        <v>577</v>
      </c>
      <c r="B72" s="51">
        <v>398</v>
      </c>
      <c r="C72" s="121">
        <v>0.49450885070794759</v>
      </c>
      <c r="D72" s="92">
        <v>4.9872518514384734E-2</v>
      </c>
      <c r="E72" s="121">
        <v>0.23997952700180988</v>
      </c>
      <c r="F72" s="92">
        <v>4.2756762598470721E-2</v>
      </c>
      <c r="G72" s="121">
        <v>0.26551162229024267</v>
      </c>
      <c r="H72" s="92">
        <v>4.4173333582116892E-2</v>
      </c>
      <c r="I72" s="121">
        <v>0.39371200441721443</v>
      </c>
      <c r="J72" s="92">
        <v>4.8758370850239201E-2</v>
      </c>
      <c r="K72" s="121">
        <v>0.25461858579117974</v>
      </c>
      <c r="L72" s="92">
        <v>4.3592441907505303E-2</v>
      </c>
      <c r="M72" s="121">
        <v>0.14648080350061182</v>
      </c>
      <c r="N72" s="92">
        <v>3.5618051939654331E-2</v>
      </c>
      <c r="O72" s="121">
        <v>0.1913422439911133</v>
      </c>
      <c r="P72" s="92">
        <v>3.9476281675274831E-2</v>
      </c>
    </row>
    <row r="73" spans="1:16">
      <c r="A73" s="47" t="s">
        <v>578</v>
      </c>
      <c r="B73" s="47">
        <v>142</v>
      </c>
      <c r="C73" s="124">
        <v>0.66211037299445696</v>
      </c>
      <c r="D73" s="95">
        <v>7.8538096274422931E-2</v>
      </c>
      <c r="E73" s="124">
        <v>0.21430913527630616</v>
      </c>
      <c r="F73" s="95">
        <v>6.8804219837327041E-2</v>
      </c>
      <c r="G73" s="124">
        <v>0.12358049172923646</v>
      </c>
      <c r="H73" s="95">
        <v>5.6366201002610569E-2</v>
      </c>
      <c r="I73" s="124">
        <v>0.28118878263949709</v>
      </c>
      <c r="J73" s="95">
        <v>7.4889724292008603E-2</v>
      </c>
      <c r="K73" s="124">
        <v>0.11948530845664157</v>
      </c>
      <c r="L73" s="95">
        <v>5.5649013740450941E-2</v>
      </c>
      <c r="M73" s="124">
        <v>3.7455113143114102E-2</v>
      </c>
      <c r="N73" s="95">
        <v>3.6118071954135793E-2</v>
      </c>
      <c r="O73" s="124">
        <v>7.5446097394756065E-2</v>
      </c>
      <c r="P73" s="95">
        <v>4.6668514328968312E-2</v>
      </c>
    </row>
    <row r="74" spans="1:16">
      <c r="A74" s="43" t="s">
        <v>581</v>
      </c>
      <c r="B74" s="51">
        <v>9331</v>
      </c>
      <c r="C74" s="121">
        <v>0.55805374224044335</v>
      </c>
      <c r="D74" s="92">
        <v>1.0280118474239703E-2</v>
      </c>
      <c r="E74" s="121">
        <v>0.22191517147896397</v>
      </c>
      <c r="F74" s="92">
        <v>8.6032613234216845E-3</v>
      </c>
      <c r="G74" s="121">
        <v>0.22003108628061294</v>
      </c>
      <c r="H74" s="92">
        <v>8.5770602745790965E-3</v>
      </c>
      <c r="I74" s="121">
        <v>0.31683038264361391</v>
      </c>
      <c r="J74" s="92">
        <v>9.631176791841967E-3</v>
      </c>
      <c r="K74" s="121">
        <v>0.21365946714292236</v>
      </c>
      <c r="L74" s="92">
        <v>8.4865273247571298E-3</v>
      </c>
      <c r="M74" s="121">
        <v>0.10376023495882296</v>
      </c>
      <c r="N74" s="92">
        <v>6.317049892679079E-3</v>
      </c>
      <c r="O74" s="121">
        <v>0.17069456338611988</v>
      </c>
      <c r="P74" s="92">
        <v>7.7908064770317422E-3</v>
      </c>
    </row>
    <row r="75" spans="1:16">
      <c r="A75" s="47" t="s">
        <v>580</v>
      </c>
      <c r="B75" s="47">
        <v>3856</v>
      </c>
      <c r="C75" s="124">
        <v>0.56101091616600907</v>
      </c>
      <c r="D75" s="95">
        <v>1.5975544094258675E-2</v>
      </c>
      <c r="E75" s="124">
        <v>0.22474329823127001</v>
      </c>
      <c r="F75" s="95">
        <v>1.3443055694096297E-2</v>
      </c>
      <c r="G75" s="124">
        <v>0.21424578560272312</v>
      </c>
      <c r="H75" s="95">
        <v>1.3214596867399014E-2</v>
      </c>
      <c r="I75" s="124">
        <v>0.36506669006466924</v>
      </c>
      <c r="J75" s="95">
        <v>1.5499647899373119E-2</v>
      </c>
      <c r="K75" s="124">
        <v>0.20050657703541769</v>
      </c>
      <c r="L75" s="95">
        <v>1.2896137204086666E-2</v>
      </c>
      <c r="M75" s="124">
        <v>8.0565479001523707E-2</v>
      </c>
      <c r="N75" s="95">
        <v>8.7828793497309616E-3</v>
      </c>
      <c r="O75" s="124">
        <v>0.15490564019182129</v>
      </c>
      <c r="P75" s="95">
        <v>1.1658196602370384E-2</v>
      </c>
    </row>
    <row r="76" spans="1:16">
      <c r="A76" s="43" t="s">
        <v>583</v>
      </c>
      <c r="B76" s="127">
        <v>888</v>
      </c>
      <c r="C76" s="121">
        <v>0.51271812263691574</v>
      </c>
      <c r="D76" s="92">
        <v>3.3471740090325282E-2</v>
      </c>
      <c r="E76" s="121">
        <v>0.24382601187895792</v>
      </c>
      <c r="F76" s="92">
        <v>2.8799767545773087E-2</v>
      </c>
      <c r="G76" s="121">
        <v>0.24345586548412446</v>
      </c>
      <c r="H76" s="92">
        <v>2.8785121006472868E-2</v>
      </c>
      <c r="I76" s="121">
        <v>0.40949111441578245</v>
      </c>
      <c r="J76" s="92">
        <v>3.2934331078630037E-2</v>
      </c>
      <c r="K76" s="121">
        <v>0.22743595946703768</v>
      </c>
      <c r="L76" s="92">
        <v>2.812317862837933E-2</v>
      </c>
      <c r="M76" s="121">
        <v>8.6383331726933785E-2</v>
      </c>
      <c r="N76" s="92">
        <v>1.899399835058381E-2</v>
      </c>
      <c r="O76" s="121">
        <v>0.15755294028825692</v>
      </c>
      <c r="P76" s="92">
        <v>2.4493011897263942E-2</v>
      </c>
    </row>
    <row r="77" spans="1:16">
      <c r="A77" s="47" t="s">
        <v>582</v>
      </c>
      <c r="B77" s="129">
        <v>2968</v>
      </c>
      <c r="C77" s="124">
        <v>0.5783410779587651</v>
      </c>
      <c r="D77" s="95">
        <v>1.8117278501956022E-2</v>
      </c>
      <c r="E77" s="124">
        <v>0.2178953507262234</v>
      </c>
      <c r="F77" s="95">
        <v>1.5154255895821981E-2</v>
      </c>
      <c r="G77" s="124">
        <v>0.20376357131501466</v>
      </c>
      <c r="H77" s="95">
        <v>1.4787869248329075E-2</v>
      </c>
      <c r="I77" s="124">
        <v>0.3491247160082086</v>
      </c>
      <c r="J77" s="95">
        <v>1.7490542786209259E-2</v>
      </c>
      <c r="K77" s="124">
        <v>0.19084280485711491</v>
      </c>
      <c r="L77" s="95">
        <v>1.4428499721359931E-2</v>
      </c>
      <c r="M77" s="124">
        <v>7.8477707273076347E-2</v>
      </c>
      <c r="N77" s="95">
        <v>9.8983334608476331E-3</v>
      </c>
      <c r="O77" s="124">
        <v>0.15395564049968163</v>
      </c>
      <c r="P77" s="95">
        <v>1.3256726742468375E-2</v>
      </c>
    </row>
    <row r="78" spans="1:16">
      <c r="A78" s="43" t="s">
        <v>568</v>
      </c>
      <c r="B78" s="81">
        <v>7883</v>
      </c>
      <c r="C78" s="96">
        <v>0.4843778041171406</v>
      </c>
      <c r="D78" s="92">
        <v>1.1254655590683347E-2</v>
      </c>
      <c r="E78" s="96">
        <v>0.23760862847564304</v>
      </c>
      <c r="F78" s="92">
        <v>9.5868921252831845E-3</v>
      </c>
      <c r="G78" s="96">
        <v>0.27801356740720334</v>
      </c>
      <c r="H78" s="92">
        <v>1.0090801022816936E-2</v>
      </c>
      <c r="I78" s="96">
        <v>0.3949590645927944</v>
      </c>
      <c r="J78" s="92">
        <v>1.1009121492872129E-2</v>
      </c>
      <c r="K78" s="96">
        <v>0.26355268671554627</v>
      </c>
      <c r="L78" s="92">
        <v>9.9229786997112913E-3</v>
      </c>
      <c r="M78" s="96">
        <v>0.11404214146732473</v>
      </c>
      <c r="N78" s="92">
        <v>7.1637051628167204E-3</v>
      </c>
      <c r="O78" s="96">
        <v>0.21426639130126859</v>
      </c>
      <c r="P78" s="92">
        <v>9.2426291515197018E-3</v>
      </c>
    </row>
    <row r="79" spans="1:16">
      <c r="A79" s="47" t="s">
        <v>569</v>
      </c>
      <c r="B79" s="129">
        <v>5303</v>
      </c>
      <c r="C79" s="124">
        <v>0.63311812973361559</v>
      </c>
      <c r="D79" s="95">
        <v>1.3232317531710273E-2</v>
      </c>
      <c r="E79" s="124">
        <v>0.2080692409656717</v>
      </c>
      <c r="F79" s="95">
        <v>1.1148647150429141E-2</v>
      </c>
      <c r="G79" s="124">
        <v>0.15881262930073167</v>
      </c>
      <c r="H79" s="95">
        <v>1.0041053533559207E-2</v>
      </c>
      <c r="I79" s="124">
        <v>0.24640062821867514</v>
      </c>
      <c r="J79" s="95">
        <v>1.1833410262699571E-2</v>
      </c>
      <c r="K79" s="124">
        <v>0.1593738804314995</v>
      </c>
      <c r="L79" s="95">
        <v>1.0055383980137483E-2</v>
      </c>
      <c r="M79" s="124">
        <v>8.8857058397012453E-2</v>
      </c>
      <c r="N79" s="95">
        <v>7.8239630104916923E-3</v>
      </c>
      <c r="O79" s="124">
        <v>0.12317470920894352</v>
      </c>
      <c r="P79" s="95">
        <v>9.031347221032231E-3</v>
      </c>
    </row>
    <row r="80" spans="1:16">
      <c r="A80" s="55" t="s">
        <v>570</v>
      </c>
      <c r="B80" s="127">
        <v>1601</v>
      </c>
      <c r="C80" s="121">
        <v>0.45483777584543916</v>
      </c>
      <c r="D80" s="92">
        <v>2.4859506901254179E-2</v>
      </c>
      <c r="E80" s="121">
        <v>0.27370121796660013</v>
      </c>
      <c r="F80" s="92">
        <v>2.2272389130779648E-2</v>
      </c>
      <c r="G80" s="121">
        <v>0.27146100618796298</v>
      </c>
      <c r="H80" s="92">
        <v>2.2215592778663206E-2</v>
      </c>
      <c r="I80" s="121">
        <v>0.35720882709696239</v>
      </c>
      <c r="J80" s="92">
        <v>2.392679298542311E-2</v>
      </c>
      <c r="K80" s="121">
        <v>0.24637675531576625</v>
      </c>
      <c r="L80" s="92">
        <v>2.152998182120993E-2</v>
      </c>
      <c r="M80" s="121">
        <v>0.13732778647335275</v>
      </c>
      <c r="N80" s="92">
        <v>1.7230246207637991E-2</v>
      </c>
      <c r="O80" s="121">
        <v>0.2792399875596786</v>
      </c>
      <c r="P80" s="92">
        <v>2.2409812604409458E-2</v>
      </c>
    </row>
    <row r="81" spans="1:16">
      <c r="A81" s="47" t="s">
        <v>571</v>
      </c>
      <c r="B81" s="129">
        <v>3587</v>
      </c>
      <c r="C81" s="124">
        <v>0.45764050755832109</v>
      </c>
      <c r="D81" s="95">
        <v>1.6627679330611496E-2</v>
      </c>
      <c r="E81" s="124">
        <v>0.24913685264807056</v>
      </c>
      <c r="F81" s="95">
        <v>1.4440567694419166E-2</v>
      </c>
      <c r="G81" s="124">
        <v>0.29322263979360746</v>
      </c>
      <c r="H81" s="95">
        <v>1.5197147707215846E-2</v>
      </c>
      <c r="I81" s="124">
        <v>0.39980297809835524</v>
      </c>
      <c r="J81" s="95">
        <v>1.6349800238717131E-2</v>
      </c>
      <c r="K81" s="124">
        <v>0.28574972088929224</v>
      </c>
      <c r="L81" s="95">
        <v>1.5081659232171541E-2</v>
      </c>
      <c r="M81" s="124">
        <v>0.12402926945671101</v>
      </c>
      <c r="N81" s="95">
        <v>1.1016847008090311E-2</v>
      </c>
      <c r="O81" s="124">
        <v>0.22192005210230628</v>
      </c>
      <c r="P81" s="95">
        <v>1.3875514429025867E-2</v>
      </c>
    </row>
    <row r="82" spans="1:16">
      <c r="A82" s="55" t="s">
        <v>572</v>
      </c>
      <c r="B82" s="127">
        <v>4059</v>
      </c>
      <c r="C82" s="121">
        <v>0.58442921629608779</v>
      </c>
      <c r="D82" s="92">
        <v>1.5463492565258604E-2</v>
      </c>
      <c r="E82" s="121">
        <v>0.22133782782745218</v>
      </c>
      <c r="F82" s="92">
        <v>1.3031709962761951E-2</v>
      </c>
      <c r="G82" s="121">
        <v>0.19423295587646766</v>
      </c>
      <c r="H82" s="92">
        <v>1.2420181258265554E-2</v>
      </c>
      <c r="I82" s="121">
        <v>0.31897209230540008</v>
      </c>
      <c r="J82" s="92">
        <v>1.4626143935949007E-2</v>
      </c>
      <c r="K82" s="121">
        <v>0.19622959068145909</v>
      </c>
      <c r="L82" s="92">
        <v>1.2468227511902064E-2</v>
      </c>
      <c r="M82" s="121">
        <v>9.1597197389863383E-2</v>
      </c>
      <c r="N82" s="92">
        <v>9.0686338802055486E-3</v>
      </c>
      <c r="O82" s="121">
        <v>0.11598146421761663</v>
      </c>
      <c r="P82" s="92">
        <v>1.0061097549969101E-2</v>
      </c>
    </row>
    <row r="83" spans="1:16">
      <c r="A83" s="47" t="s">
        <v>573</v>
      </c>
      <c r="B83" s="129">
        <v>3876</v>
      </c>
      <c r="C83" s="124">
        <v>0.78648579253569151</v>
      </c>
      <c r="D83" s="95">
        <v>1.3164111961133955E-2</v>
      </c>
      <c r="E83" s="124">
        <v>0.13803327091772161</v>
      </c>
      <c r="F83" s="95">
        <v>1.1087751760916354E-2</v>
      </c>
      <c r="G83" s="124">
        <v>7.5480936546583111E-2</v>
      </c>
      <c r="H83" s="95">
        <v>8.5043926495290845E-3</v>
      </c>
      <c r="I83" s="124">
        <v>0.16117554902030315</v>
      </c>
      <c r="J83" s="95">
        <v>1.181622921072875E-2</v>
      </c>
      <c r="K83" s="124">
        <v>7.7129212673292702E-2</v>
      </c>
      <c r="L83" s="95">
        <v>8.5884607067483847E-3</v>
      </c>
      <c r="M83" s="124">
        <v>4.3013268471508423E-2</v>
      </c>
      <c r="N83" s="95">
        <v>6.5482740893539329E-3</v>
      </c>
      <c r="O83" s="124">
        <v>4.2344598268367249E-2</v>
      </c>
      <c r="P83" s="95">
        <v>6.5000525906042253E-3</v>
      </c>
    </row>
    <row r="84" spans="1:16">
      <c r="A84" s="55" t="s">
        <v>579</v>
      </c>
      <c r="B84" s="127">
        <v>9502</v>
      </c>
      <c r="C84" s="121">
        <v>0.53702155655832273</v>
      </c>
      <c r="D84" s="92">
        <v>1.0228415051433586E-2</v>
      </c>
      <c r="E84" s="121">
        <v>0.21700983424099587</v>
      </c>
      <c r="F84" s="92">
        <v>8.4573644643978364E-3</v>
      </c>
      <c r="G84" s="121">
        <v>0.2459686092007011</v>
      </c>
      <c r="H84" s="92">
        <v>8.8354608827820175E-3</v>
      </c>
      <c r="I84" s="121">
        <v>0.34906417744475149</v>
      </c>
      <c r="J84" s="92">
        <v>9.7784751364718477E-3</v>
      </c>
      <c r="K84" s="121">
        <v>0.23464102018874669</v>
      </c>
      <c r="L84" s="92">
        <v>8.6943531932489014E-3</v>
      </c>
      <c r="M84" s="121">
        <v>0.1100094523766886</v>
      </c>
      <c r="N84" s="92">
        <v>6.4227708406024379E-3</v>
      </c>
      <c r="O84" s="121">
        <v>0.18135872383370022</v>
      </c>
      <c r="P84" s="92">
        <v>7.90627737804586E-3</v>
      </c>
    </row>
    <row r="85" spans="1:16">
      <c r="A85" s="47" t="s">
        <v>585</v>
      </c>
      <c r="B85" s="129">
        <v>1527</v>
      </c>
      <c r="C85" s="124">
        <v>0.61765428105861464</v>
      </c>
      <c r="D85" s="95">
        <v>2.4843321321872138E-2</v>
      </c>
      <c r="E85" s="124">
        <v>0.23474870034002765</v>
      </c>
      <c r="F85" s="95">
        <v>2.1686496971373662E-2</v>
      </c>
      <c r="G85" s="124">
        <v>0.14759701860135968</v>
      </c>
      <c r="H85" s="95">
        <v>1.8176880769592913E-2</v>
      </c>
      <c r="I85" s="124">
        <v>0.25623545615844973</v>
      </c>
      <c r="J85" s="95">
        <v>2.2332265408129565E-2</v>
      </c>
      <c r="K85" s="124">
        <v>0.16143843711547048</v>
      </c>
      <c r="L85" s="95">
        <v>1.8848236065079078E-2</v>
      </c>
      <c r="M85" s="124">
        <v>6.7389573450545012E-2</v>
      </c>
      <c r="N85" s="95">
        <v>1.2913304200914244E-2</v>
      </c>
      <c r="O85" s="124">
        <v>0.12892692923672103</v>
      </c>
      <c r="P85" s="95">
        <v>1.7184087318228115E-2</v>
      </c>
    </row>
    <row r="86" spans="1:16">
      <c r="A86" s="55" t="s">
        <v>586</v>
      </c>
      <c r="B86" s="127">
        <v>902</v>
      </c>
      <c r="C86" s="121">
        <v>0.60570808396050368</v>
      </c>
      <c r="D86" s="92">
        <v>3.2478503782339178E-2</v>
      </c>
      <c r="E86" s="121">
        <v>0.25350160266875815</v>
      </c>
      <c r="F86" s="92">
        <v>2.8945703968020851E-2</v>
      </c>
      <c r="G86" s="121">
        <v>0.14079031337073858</v>
      </c>
      <c r="H86" s="92">
        <v>2.3218440354805938E-2</v>
      </c>
      <c r="I86" s="121">
        <v>0.23238135349640326</v>
      </c>
      <c r="J86" s="92">
        <v>2.8112928050825901E-2</v>
      </c>
      <c r="K86" s="92">
        <v>0.14025727667148608</v>
      </c>
      <c r="L86" s="92">
        <v>2.3182297634223175E-2</v>
      </c>
      <c r="M86" s="92">
        <v>9.12245585051423E-2</v>
      </c>
      <c r="N86" s="92">
        <v>1.9300671356675989E-2</v>
      </c>
      <c r="O86" s="92">
        <v>0.14792413067254714</v>
      </c>
      <c r="P86" s="92">
        <v>2.3691795205605076E-2</v>
      </c>
    </row>
    <row r="87" spans="1:16">
      <c r="A87" s="47" t="s">
        <v>584</v>
      </c>
      <c r="B87" s="129">
        <v>302</v>
      </c>
      <c r="C87" s="124">
        <v>0.26890998396841065</v>
      </c>
      <c r="D87" s="95">
        <v>5.0872701006552945E-2</v>
      </c>
      <c r="E87" s="124">
        <v>0.32597013822335041</v>
      </c>
      <c r="F87" s="95">
        <v>5.3687577604071848E-2</v>
      </c>
      <c r="G87" s="124">
        <v>0.40511987780823833</v>
      </c>
      <c r="H87" s="95">
        <v>5.6154732167460059E-2</v>
      </c>
      <c r="I87" s="124">
        <v>0.47203728799640826</v>
      </c>
      <c r="J87" s="95">
        <v>5.707905254367604E-2</v>
      </c>
      <c r="K87" s="95">
        <v>0.47376396779375002</v>
      </c>
      <c r="L87" s="95">
        <v>5.7089489267114518E-2</v>
      </c>
      <c r="M87" s="95">
        <v>0.26101380670301055</v>
      </c>
      <c r="N87" s="95">
        <v>5.0406067038746442E-2</v>
      </c>
      <c r="O87" s="95">
        <v>0.31960713523219231</v>
      </c>
      <c r="P87" s="95">
        <v>5.3419490974822702E-2</v>
      </c>
    </row>
    <row r="88" spans="1:16">
      <c r="A88" s="55" t="s">
        <v>587</v>
      </c>
      <c r="B88" s="127">
        <v>12827</v>
      </c>
      <c r="C88" s="121">
        <v>0.56545255404678352</v>
      </c>
      <c r="D88" s="92">
        <v>8.752231354158261E-3</v>
      </c>
      <c r="E88" s="121">
        <v>0.22064335070386257</v>
      </c>
      <c r="F88" s="92">
        <v>7.3227585203850679E-3</v>
      </c>
      <c r="G88" s="121">
        <v>0.21390409524937198</v>
      </c>
      <c r="H88" s="92">
        <v>7.2412400301550377E-3</v>
      </c>
      <c r="I88" s="121">
        <v>0.31735011516846773</v>
      </c>
      <c r="J88" s="92">
        <v>8.2184312926033565E-3</v>
      </c>
      <c r="K88" s="92">
        <v>0.20543267537536838</v>
      </c>
      <c r="L88" s="92">
        <v>7.1346356893921461E-3</v>
      </c>
      <c r="M88" s="92">
        <v>9.7489204892743098E-2</v>
      </c>
      <c r="N88" s="92">
        <v>5.2402659988660073E-3</v>
      </c>
      <c r="O88" s="92">
        <v>0.16523531047453902</v>
      </c>
      <c r="P88" s="92">
        <v>6.5590835733576099E-3</v>
      </c>
    </row>
    <row r="90" spans="1:16" ht="18.75">
      <c r="A90" s="337" t="s">
        <v>10</v>
      </c>
      <c r="B90" s="337"/>
      <c r="C90" s="337"/>
      <c r="D90" s="337"/>
    </row>
    <row r="91" spans="1:16" ht="133.5" customHeight="1">
      <c r="A91" s="371" t="s">
        <v>602</v>
      </c>
      <c r="B91" s="371"/>
      <c r="C91" s="371"/>
      <c r="D91" s="371"/>
    </row>
    <row r="92" spans="1:16" ht="37.5" customHeight="1">
      <c r="A92" s="349" t="s">
        <v>113</v>
      </c>
      <c r="B92" s="349"/>
      <c r="C92" s="349"/>
      <c r="D92" s="349"/>
    </row>
    <row r="93" spans="1:16" ht="36" customHeight="1">
      <c r="A93" s="35" t="s">
        <v>70</v>
      </c>
      <c r="B93" s="36" t="s">
        <v>71</v>
      </c>
      <c r="C93" s="37" t="s">
        <v>551</v>
      </c>
      <c r="D93" s="38" t="s">
        <v>72</v>
      </c>
    </row>
    <row r="94" spans="1:16" ht="60">
      <c r="A94" s="39"/>
      <c r="B94" s="40" t="s">
        <v>73</v>
      </c>
      <c r="C94" s="41" t="s">
        <v>114</v>
      </c>
      <c r="D94" s="42" t="s">
        <v>75</v>
      </c>
    </row>
    <row r="95" spans="1:16">
      <c r="A95" s="43" t="s">
        <v>348</v>
      </c>
      <c r="B95" s="131">
        <v>13131</v>
      </c>
      <c r="C95" s="132">
        <v>3.8724198307450646</v>
      </c>
      <c r="D95" s="133">
        <v>2.1149521632353018E-2</v>
      </c>
    </row>
    <row r="96" spans="1:16">
      <c r="A96" s="47" t="s">
        <v>349</v>
      </c>
      <c r="B96" s="47">
        <v>9681</v>
      </c>
      <c r="C96" s="135">
        <v>3.647158658447113</v>
      </c>
      <c r="D96" s="136">
        <v>2.4227169989763712E-2</v>
      </c>
    </row>
    <row r="97" spans="1:4">
      <c r="A97" s="43" t="s">
        <v>350</v>
      </c>
      <c r="B97" s="51">
        <v>3450</v>
      </c>
      <c r="C97" s="132">
        <v>4.057011686604965</v>
      </c>
      <c r="D97" s="133">
        <v>4.1926708767909347E-2</v>
      </c>
    </row>
    <row r="98" spans="1:4">
      <c r="A98" s="47" t="s">
        <v>574</v>
      </c>
      <c r="B98" s="47">
        <v>4617</v>
      </c>
      <c r="C98" s="135">
        <v>4.0078213766098294</v>
      </c>
      <c r="D98" s="136">
        <v>3.6205287681024857E-2</v>
      </c>
    </row>
    <row r="99" spans="1:4">
      <c r="A99" s="43" t="s">
        <v>575</v>
      </c>
      <c r="B99" s="51">
        <v>4860</v>
      </c>
      <c r="C99" s="132">
        <v>3.6988252747274881</v>
      </c>
      <c r="D99" s="133">
        <v>3.3663348582003559E-2</v>
      </c>
    </row>
    <row r="100" spans="1:4">
      <c r="A100" s="47" t="s">
        <v>576</v>
      </c>
      <c r="B100" s="47">
        <v>3020</v>
      </c>
      <c r="C100" s="135">
        <v>3.3479050713331828</v>
      </c>
      <c r="D100" s="136">
        <v>4.2942346877866001E-2</v>
      </c>
    </row>
    <row r="101" spans="1:4">
      <c r="A101" s="43" t="s">
        <v>577</v>
      </c>
      <c r="B101" s="51">
        <v>404</v>
      </c>
      <c r="C101" s="132">
        <v>3.4082550978052213</v>
      </c>
      <c r="D101" s="133">
        <v>0.11887305376131319</v>
      </c>
    </row>
    <row r="102" spans="1:4">
      <c r="A102" s="47" t="s">
        <v>578</v>
      </c>
      <c r="B102" s="47">
        <v>138</v>
      </c>
      <c r="C102" s="135">
        <v>3.1646923323301901</v>
      </c>
      <c r="D102" s="136">
        <v>0.19439203372725583</v>
      </c>
    </row>
    <row r="103" spans="1:4">
      <c r="A103" s="43" t="s">
        <v>581</v>
      </c>
      <c r="B103" s="51">
        <v>9224</v>
      </c>
      <c r="C103" s="132">
        <v>3.8828773680488449</v>
      </c>
      <c r="D103" s="133">
        <v>2.5502062106847082E-2</v>
      </c>
    </row>
    <row r="104" spans="1:4">
      <c r="A104" s="47" t="s">
        <v>580</v>
      </c>
      <c r="B104" s="47">
        <v>3834</v>
      </c>
      <c r="C104" s="135">
        <v>3.7097060198814433</v>
      </c>
      <c r="D104" s="136">
        <v>3.7926633218721847E-2</v>
      </c>
    </row>
    <row r="105" spans="1:4">
      <c r="A105" s="43" t="s">
        <v>583</v>
      </c>
      <c r="B105" s="131">
        <v>893</v>
      </c>
      <c r="C105" s="132">
        <v>3.511011461191794</v>
      </c>
      <c r="D105" s="133">
        <v>8.4672671053112977E-2</v>
      </c>
    </row>
    <row r="106" spans="1:4">
      <c r="A106" s="47" t="s">
        <v>582</v>
      </c>
      <c r="B106" s="134">
        <v>2941</v>
      </c>
      <c r="C106" s="135">
        <v>3.7832306989520452</v>
      </c>
      <c r="D106" s="136">
        <v>4.2014823102864016E-2</v>
      </c>
    </row>
    <row r="107" spans="1:4">
      <c r="A107" s="43" t="s">
        <v>568</v>
      </c>
      <c r="B107" s="81">
        <v>7745</v>
      </c>
      <c r="C107" s="82">
        <v>3.7507897707361955</v>
      </c>
      <c r="D107" s="133">
        <v>2.7480707215911029E-2</v>
      </c>
    </row>
    <row r="108" spans="1:4">
      <c r="A108" s="47" t="s">
        <v>569</v>
      </c>
      <c r="B108" s="134">
        <v>5256</v>
      </c>
      <c r="C108" s="135">
        <v>4.0094041730809309</v>
      </c>
      <c r="D108" s="136">
        <v>3.3109630113159774E-2</v>
      </c>
    </row>
    <row r="109" spans="1:4">
      <c r="A109" s="55" t="s">
        <v>570</v>
      </c>
      <c r="B109" s="131">
        <v>1698</v>
      </c>
      <c r="C109" s="132">
        <v>4.0375380600451773</v>
      </c>
      <c r="D109" s="133">
        <v>5.99244131913962E-2</v>
      </c>
    </row>
    <row r="110" spans="1:4">
      <c r="A110" s="47" t="s">
        <v>571</v>
      </c>
      <c r="B110" s="134">
        <v>3611</v>
      </c>
      <c r="C110" s="135">
        <v>3.8314320337049201</v>
      </c>
      <c r="D110" s="136">
        <v>4.0984599649994048E-2</v>
      </c>
    </row>
    <row r="111" spans="1:4">
      <c r="A111" s="55" t="s">
        <v>572</v>
      </c>
      <c r="B111" s="131">
        <v>3962</v>
      </c>
      <c r="C111" s="132">
        <v>3.6609087787292407</v>
      </c>
      <c r="D111" s="133">
        <v>3.787336663733315E-2</v>
      </c>
    </row>
    <row r="112" spans="1:4">
      <c r="A112" s="47" t="s">
        <v>573</v>
      </c>
      <c r="B112" s="134">
        <v>3667</v>
      </c>
      <c r="C112" s="135">
        <v>4.0599537821331237</v>
      </c>
      <c r="D112" s="136">
        <v>3.877860404497234E-2</v>
      </c>
    </row>
    <row r="113" spans="1:37">
      <c r="A113" s="55" t="s">
        <v>579</v>
      </c>
      <c r="B113" s="131">
        <v>9077</v>
      </c>
      <c r="C113" s="132">
        <v>3.8103713718072592</v>
      </c>
      <c r="D113" s="133">
        <v>2.5154108713546935E-2</v>
      </c>
    </row>
    <row r="114" spans="1:37">
      <c r="A114" s="47" t="s">
        <v>585</v>
      </c>
      <c r="B114" s="134">
        <v>1437</v>
      </c>
      <c r="C114" s="135">
        <v>3.9261568892837082</v>
      </c>
      <c r="D114" s="136">
        <v>6.3644688206945729E-2</v>
      </c>
    </row>
    <row r="115" spans="1:37">
      <c r="A115" s="55" t="s">
        <v>586</v>
      </c>
      <c r="B115" s="131">
        <v>867</v>
      </c>
      <c r="C115" s="132">
        <v>4.1775141161778269</v>
      </c>
      <c r="D115" s="133">
        <v>8.7038009948229841E-2</v>
      </c>
    </row>
    <row r="116" spans="1:37">
      <c r="A116" s="47" t="s">
        <v>584</v>
      </c>
      <c r="B116" s="134">
        <v>297</v>
      </c>
      <c r="C116" s="135">
        <v>3.6785287448942467</v>
      </c>
      <c r="D116" s="136">
        <v>0.17403103250840546</v>
      </c>
      <c r="P116" s="244"/>
      <c r="Q116" s="244"/>
      <c r="R116" s="244"/>
      <c r="S116" s="244"/>
      <c r="T116" s="244"/>
      <c r="U116" s="244"/>
      <c r="V116" s="244"/>
      <c r="W116" s="244"/>
      <c r="X116" s="244"/>
      <c r="Y116" s="244"/>
      <c r="Z116" s="244"/>
      <c r="AA116" s="244"/>
      <c r="AB116" s="244"/>
      <c r="AC116" s="244"/>
      <c r="AD116" s="244"/>
    </row>
    <row r="117" spans="1:37">
      <c r="A117" s="55" t="s">
        <v>587</v>
      </c>
      <c r="B117" s="131">
        <v>12307</v>
      </c>
      <c r="C117" s="132">
        <v>3.8784622746495909</v>
      </c>
      <c r="D117" s="133">
        <v>2.1640587002188631E-2</v>
      </c>
    </row>
    <row r="118" spans="1:37">
      <c r="P118" s="244"/>
      <c r="Q118" s="244"/>
      <c r="R118" s="244"/>
      <c r="S118" s="244"/>
      <c r="T118" s="244"/>
      <c r="U118" s="244"/>
      <c r="V118" s="244"/>
      <c r="W118" s="244"/>
      <c r="X118" s="244"/>
      <c r="Y118" s="244"/>
      <c r="Z118" s="244"/>
      <c r="AA118" s="244"/>
      <c r="AB118" s="244"/>
      <c r="AC118" s="244"/>
      <c r="AD118" s="244"/>
    </row>
    <row r="119" spans="1:37" ht="18.75">
      <c r="A119" s="337" t="s">
        <v>36</v>
      </c>
      <c r="B119" s="337"/>
      <c r="C119" s="337"/>
      <c r="D119" s="337"/>
      <c r="E119" s="337"/>
      <c r="F119" s="337"/>
      <c r="G119" s="337"/>
      <c r="H119" s="337"/>
      <c r="I119" s="337"/>
      <c r="J119" s="337"/>
      <c r="K119" s="337"/>
      <c r="L119" s="337"/>
      <c r="M119" s="337"/>
      <c r="N119" s="337"/>
      <c r="O119" s="337"/>
      <c r="P119" s="337"/>
      <c r="Q119" s="337"/>
      <c r="R119" s="337"/>
      <c r="S119" s="337"/>
      <c r="T119" s="337"/>
      <c r="U119" s="337"/>
      <c r="V119" s="337"/>
      <c r="W119" s="337"/>
      <c r="X119" s="337"/>
      <c r="Y119" s="337"/>
      <c r="Z119" s="337"/>
      <c r="AA119" s="337"/>
      <c r="AB119" s="337"/>
      <c r="AC119" s="337"/>
      <c r="AD119" s="337"/>
      <c r="AE119" s="337"/>
      <c r="AF119" s="337"/>
      <c r="AG119" s="337"/>
      <c r="AH119" s="337"/>
      <c r="AI119" s="337"/>
      <c r="AJ119" s="337"/>
      <c r="AK119" s="337"/>
    </row>
    <row r="120" spans="1:37" ht="72" customHeight="1">
      <c r="A120" s="378" t="s">
        <v>549</v>
      </c>
      <c r="B120" s="378"/>
      <c r="C120" s="378"/>
      <c r="D120" s="378"/>
      <c r="E120" s="378"/>
      <c r="F120" s="378"/>
      <c r="G120" s="378"/>
      <c r="H120" s="378"/>
      <c r="I120" s="378"/>
      <c r="J120" s="378"/>
      <c r="K120" s="378"/>
      <c r="L120" s="378"/>
      <c r="M120" s="378"/>
      <c r="N120" s="378"/>
      <c r="O120" s="378"/>
      <c r="P120" s="378"/>
      <c r="Q120" s="378"/>
      <c r="R120" s="378"/>
      <c r="S120" s="378"/>
      <c r="T120" s="378"/>
      <c r="U120" s="378"/>
      <c r="V120" s="378"/>
      <c r="W120" s="378"/>
      <c r="X120" s="378"/>
      <c r="Y120" s="378"/>
      <c r="Z120" s="378"/>
      <c r="AA120" s="378"/>
      <c r="AB120" s="378"/>
      <c r="AC120" s="378"/>
      <c r="AD120" s="378"/>
      <c r="AE120" s="378"/>
      <c r="AF120" s="378"/>
      <c r="AG120" s="378"/>
      <c r="AH120" s="378"/>
      <c r="AI120" s="378"/>
      <c r="AJ120" s="378"/>
      <c r="AK120" s="378"/>
    </row>
    <row r="121" spans="1:37" ht="41.25" customHeight="1">
      <c r="A121" s="62"/>
      <c r="B121" s="374" t="s">
        <v>220</v>
      </c>
      <c r="C121" s="375"/>
      <c r="D121" s="375"/>
      <c r="E121" s="375"/>
      <c r="F121" s="375"/>
      <c r="G121" s="375"/>
      <c r="H121" s="375"/>
      <c r="I121" s="375"/>
      <c r="J121" s="376"/>
      <c r="K121" s="372" t="s">
        <v>377</v>
      </c>
      <c r="L121" s="373"/>
      <c r="M121" s="373"/>
      <c r="N121" s="373"/>
      <c r="O121" s="373"/>
      <c r="P121" s="373"/>
      <c r="Q121" s="373"/>
      <c r="R121" s="373"/>
      <c r="S121" s="373"/>
      <c r="T121" s="374" t="s">
        <v>192</v>
      </c>
      <c r="U121" s="375"/>
      <c r="V121" s="375"/>
      <c r="W121" s="375"/>
      <c r="X121" s="375"/>
      <c r="Y121" s="375"/>
      <c r="Z121" s="375"/>
      <c r="AA121" s="375"/>
      <c r="AB121" s="376"/>
      <c r="AC121" s="372" t="s">
        <v>378</v>
      </c>
      <c r="AD121" s="373"/>
      <c r="AE121" s="373"/>
      <c r="AF121" s="373"/>
      <c r="AG121" s="373"/>
      <c r="AH121" s="373"/>
      <c r="AI121" s="373"/>
      <c r="AJ121" s="373"/>
      <c r="AK121" s="373"/>
    </row>
    <row r="122" spans="1:37" ht="40.5" customHeight="1">
      <c r="A122" s="35" t="s">
        <v>70</v>
      </c>
      <c r="B122" s="36" t="s">
        <v>71</v>
      </c>
      <c r="C122" s="36" t="s">
        <v>155</v>
      </c>
      <c r="D122" s="87" t="s">
        <v>84</v>
      </c>
      <c r="E122" s="36" t="s">
        <v>156</v>
      </c>
      <c r="F122" s="87" t="s">
        <v>85</v>
      </c>
      <c r="G122" s="36" t="s">
        <v>157</v>
      </c>
      <c r="H122" s="87" t="s">
        <v>86</v>
      </c>
      <c r="I122" s="36" t="s">
        <v>300</v>
      </c>
      <c r="J122" s="87" t="s">
        <v>299</v>
      </c>
      <c r="K122" s="63" t="s">
        <v>71</v>
      </c>
      <c r="L122" s="63" t="s">
        <v>155</v>
      </c>
      <c r="M122" s="86" t="s">
        <v>84</v>
      </c>
      <c r="N122" s="63" t="s">
        <v>156</v>
      </c>
      <c r="O122" s="86" t="s">
        <v>85</v>
      </c>
      <c r="P122" s="63" t="s">
        <v>157</v>
      </c>
      <c r="Q122" s="86" t="s">
        <v>86</v>
      </c>
      <c r="R122" s="63" t="s">
        <v>300</v>
      </c>
      <c r="S122" s="86" t="s">
        <v>299</v>
      </c>
      <c r="T122" s="36" t="s">
        <v>71</v>
      </c>
      <c r="U122" s="36" t="s">
        <v>155</v>
      </c>
      <c r="V122" s="87" t="s">
        <v>84</v>
      </c>
      <c r="W122" s="36" t="s">
        <v>156</v>
      </c>
      <c r="X122" s="87" t="s">
        <v>85</v>
      </c>
      <c r="Y122" s="36" t="s">
        <v>157</v>
      </c>
      <c r="Z122" s="87" t="s">
        <v>86</v>
      </c>
      <c r="AA122" s="36" t="s">
        <v>300</v>
      </c>
      <c r="AB122" s="87" t="s">
        <v>299</v>
      </c>
      <c r="AC122" s="63" t="s">
        <v>71</v>
      </c>
      <c r="AD122" s="63" t="s">
        <v>155</v>
      </c>
      <c r="AE122" s="86" t="s">
        <v>84</v>
      </c>
      <c r="AF122" s="63" t="s">
        <v>156</v>
      </c>
      <c r="AG122" s="86" t="s">
        <v>85</v>
      </c>
      <c r="AH122" s="63" t="s">
        <v>157</v>
      </c>
      <c r="AI122" s="86" t="s">
        <v>86</v>
      </c>
      <c r="AJ122" s="63" t="s">
        <v>300</v>
      </c>
      <c r="AK122" s="86" t="s">
        <v>299</v>
      </c>
    </row>
    <row r="123" spans="1:37" ht="66" customHeight="1">
      <c r="A123" s="39"/>
      <c r="B123" s="40" t="s">
        <v>73</v>
      </c>
      <c r="C123" s="40" t="s">
        <v>158</v>
      </c>
      <c r="D123" s="89" t="s">
        <v>87</v>
      </c>
      <c r="E123" s="40" t="s">
        <v>159</v>
      </c>
      <c r="F123" s="89" t="s">
        <v>87</v>
      </c>
      <c r="G123" s="40" t="s">
        <v>160</v>
      </c>
      <c r="H123" s="89" t="s">
        <v>87</v>
      </c>
      <c r="I123" s="40" t="s">
        <v>300</v>
      </c>
      <c r="J123" s="89" t="s">
        <v>87</v>
      </c>
      <c r="K123" s="66" t="s">
        <v>73</v>
      </c>
      <c r="L123" s="66" t="s">
        <v>158</v>
      </c>
      <c r="M123" s="88" t="s">
        <v>87</v>
      </c>
      <c r="N123" s="66" t="s">
        <v>159</v>
      </c>
      <c r="O123" s="88" t="s">
        <v>87</v>
      </c>
      <c r="P123" s="66" t="s">
        <v>160</v>
      </c>
      <c r="Q123" s="88" t="s">
        <v>87</v>
      </c>
      <c r="R123" s="66" t="s">
        <v>300</v>
      </c>
      <c r="S123" s="88" t="s">
        <v>87</v>
      </c>
      <c r="T123" s="40" t="s">
        <v>73</v>
      </c>
      <c r="U123" s="40" t="s">
        <v>158</v>
      </c>
      <c r="V123" s="89" t="s">
        <v>87</v>
      </c>
      <c r="W123" s="40" t="s">
        <v>159</v>
      </c>
      <c r="X123" s="89" t="s">
        <v>87</v>
      </c>
      <c r="Y123" s="40" t="s">
        <v>160</v>
      </c>
      <c r="Z123" s="89" t="s">
        <v>87</v>
      </c>
      <c r="AA123" s="40" t="s">
        <v>300</v>
      </c>
      <c r="AB123" s="89" t="s">
        <v>87</v>
      </c>
      <c r="AC123" s="66" t="s">
        <v>73</v>
      </c>
      <c r="AD123" s="66" t="s">
        <v>158</v>
      </c>
      <c r="AE123" s="88" t="s">
        <v>87</v>
      </c>
      <c r="AF123" s="66" t="s">
        <v>159</v>
      </c>
      <c r="AG123" s="88" t="s">
        <v>87</v>
      </c>
      <c r="AH123" s="66" t="s">
        <v>160</v>
      </c>
      <c r="AI123" s="88" t="s">
        <v>87</v>
      </c>
      <c r="AJ123" s="66" t="s">
        <v>300</v>
      </c>
      <c r="AK123" s="88" t="s">
        <v>87</v>
      </c>
    </row>
    <row r="124" spans="1:37">
      <c r="A124" s="43" t="s">
        <v>348</v>
      </c>
      <c r="B124" s="137">
        <v>13965</v>
      </c>
      <c r="C124" s="138">
        <v>0.36644795766614507</v>
      </c>
      <c r="D124" s="92">
        <v>8.1536898892394533E-3</v>
      </c>
      <c r="E124" s="138">
        <v>0.23648040341275756</v>
      </c>
      <c r="F124" s="92">
        <v>7.191224160995411E-3</v>
      </c>
      <c r="G124" s="138">
        <v>0.38329741118132249</v>
      </c>
      <c r="H124" s="92">
        <v>8.2273567588273637E-3</v>
      </c>
      <c r="I124" s="138">
        <v>1.3774227739792673E-2</v>
      </c>
      <c r="J124" s="92">
        <v>1.9820855190901066E-3</v>
      </c>
      <c r="K124" s="137">
        <v>13880</v>
      </c>
      <c r="L124" s="138">
        <v>0.32062561491627489</v>
      </c>
      <c r="M124" s="92">
        <v>7.9221828736430119E-3</v>
      </c>
      <c r="N124" s="138">
        <v>0.2335049807445477</v>
      </c>
      <c r="O124" s="92">
        <v>7.1816638157436805E-3</v>
      </c>
      <c r="P124" s="138">
        <v>0.38589727124803358</v>
      </c>
      <c r="Q124" s="92">
        <v>8.2629653853185988E-3</v>
      </c>
      <c r="R124" s="138">
        <v>5.9972133091162609E-2</v>
      </c>
      <c r="S124" s="92">
        <v>4.0341036549552522E-3</v>
      </c>
      <c r="T124" s="137">
        <v>13922</v>
      </c>
      <c r="U124" s="138">
        <v>0.49368915731230545</v>
      </c>
      <c r="V124" s="92">
        <v>8.4732930857762939E-3</v>
      </c>
      <c r="W124" s="138">
        <v>0.19666974281796323</v>
      </c>
      <c r="X124" s="92">
        <v>6.7376005886321923E-3</v>
      </c>
      <c r="Y124" s="138">
        <v>0.21420187864334492</v>
      </c>
      <c r="Z124" s="92">
        <v>6.9541563128915091E-3</v>
      </c>
      <c r="AA124" s="138">
        <v>9.543922122640483E-2</v>
      </c>
      <c r="AB124" s="92">
        <v>4.9823639893224105E-3</v>
      </c>
      <c r="AC124" s="137">
        <v>13902</v>
      </c>
      <c r="AD124" s="138">
        <v>0.30993186866202399</v>
      </c>
      <c r="AE124" s="92">
        <v>7.8438464444957785E-3</v>
      </c>
      <c r="AF124" s="138">
        <v>0.25085781071638874</v>
      </c>
      <c r="AG124" s="92">
        <v>7.3530255757909366E-3</v>
      </c>
      <c r="AH124" s="138">
        <v>0.36624752792057691</v>
      </c>
      <c r="AI124" s="92">
        <v>8.1711972448100367E-3</v>
      </c>
      <c r="AJ124" s="138">
        <v>7.2962792701029858E-2</v>
      </c>
      <c r="AK124" s="92">
        <v>4.4143288466272764E-3</v>
      </c>
    </row>
    <row r="125" spans="1:37">
      <c r="A125" s="47" t="s">
        <v>349</v>
      </c>
      <c r="B125" s="139">
        <v>10219</v>
      </c>
      <c r="C125" s="140">
        <v>0.37425977793015447</v>
      </c>
      <c r="D125" s="95">
        <v>9.5727319604077283E-3</v>
      </c>
      <c r="E125" s="140">
        <v>0.23341807096192999</v>
      </c>
      <c r="F125" s="95">
        <v>8.3686384836117785E-3</v>
      </c>
      <c r="G125" s="140">
        <v>0.38310947720462957</v>
      </c>
      <c r="H125" s="95">
        <v>9.6164800316819662E-3</v>
      </c>
      <c r="I125" s="140">
        <v>9.2126739032861969E-3</v>
      </c>
      <c r="J125" s="95">
        <v>1.9092445910410185E-3</v>
      </c>
      <c r="K125" s="139">
        <v>10160</v>
      </c>
      <c r="L125" s="140">
        <v>0.3955655587075626</v>
      </c>
      <c r="M125" s="95">
        <v>9.700392325624042E-3</v>
      </c>
      <c r="N125" s="140">
        <v>0.24201743914323703</v>
      </c>
      <c r="O125" s="95">
        <v>8.4979191117963739E-3</v>
      </c>
      <c r="P125" s="140">
        <v>0.30657256229566193</v>
      </c>
      <c r="Q125" s="95">
        <v>9.1473414897307644E-3</v>
      </c>
      <c r="R125" s="140">
        <v>5.5844439853537209E-2</v>
      </c>
      <c r="S125" s="95">
        <v>4.5619217166565718E-3</v>
      </c>
      <c r="T125" s="139">
        <v>10190</v>
      </c>
      <c r="U125" s="140">
        <v>0.59206716223797629</v>
      </c>
      <c r="V125" s="95">
        <v>9.7351686821155105E-3</v>
      </c>
      <c r="W125" s="140">
        <v>0.16742939549663968</v>
      </c>
      <c r="X125" s="95">
        <v>7.3980832736661069E-3</v>
      </c>
      <c r="Y125" s="140">
        <v>0.16741015566277798</v>
      </c>
      <c r="Z125" s="95">
        <v>7.3977441462118208E-3</v>
      </c>
      <c r="AA125" s="140">
        <v>7.3093286602602531E-2</v>
      </c>
      <c r="AB125" s="95">
        <v>5.1614565408424152E-3</v>
      </c>
      <c r="AC125" s="139">
        <v>10170</v>
      </c>
      <c r="AD125" s="140">
        <v>0.36260903263568517</v>
      </c>
      <c r="AE125" s="95">
        <v>9.5327967279677656E-3</v>
      </c>
      <c r="AF125" s="140">
        <v>0.23904894787629591</v>
      </c>
      <c r="AG125" s="95">
        <v>8.458041366186669E-3</v>
      </c>
      <c r="AH125" s="140">
        <v>0.32679779631457401</v>
      </c>
      <c r="AI125" s="95">
        <v>9.3007876747110592E-3</v>
      </c>
      <c r="AJ125" s="140">
        <v>7.154422317344393E-2</v>
      </c>
      <c r="AK125" s="95">
        <v>5.1159147516388311E-3</v>
      </c>
    </row>
    <row r="126" spans="1:37">
      <c r="A126" s="43" t="s">
        <v>350</v>
      </c>
      <c r="B126" s="81">
        <v>3746</v>
      </c>
      <c r="C126" s="96">
        <v>0.3601543210122039</v>
      </c>
      <c r="D126" s="92">
        <v>1.5679621934904357E-2</v>
      </c>
      <c r="E126" s="96">
        <v>0.23894758866633725</v>
      </c>
      <c r="F126" s="92">
        <v>1.393305687139991E-2</v>
      </c>
      <c r="G126" s="96">
        <v>0.383448821239948</v>
      </c>
      <c r="H126" s="92">
        <v>1.5881050741124794E-2</v>
      </c>
      <c r="I126" s="96">
        <v>1.7449269081511242E-2</v>
      </c>
      <c r="J126" s="92">
        <v>4.3378993293283763E-3</v>
      </c>
      <c r="K126" s="81">
        <v>3720</v>
      </c>
      <c r="L126" s="96">
        <v>0.26012095205869695</v>
      </c>
      <c r="M126" s="92">
        <v>1.4382439062372796E-2</v>
      </c>
      <c r="N126" s="96">
        <v>0.22663223172118518</v>
      </c>
      <c r="O126" s="92">
        <v>1.372706617716388E-2</v>
      </c>
      <c r="P126" s="96">
        <v>0.44994208538352093</v>
      </c>
      <c r="Q126" s="92">
        <v>1.6304684417490233E-2</v>
      </c>
      <c r="R126" s="96">
        <v>6.3304730836596809E-2</v>
      </c>
      <c r="S126" s="92">
        <v>8.0082325271413016E-3</v>
      </c>
      <c r="T126" s="81">
        <v>3732</v>
      </c>
      <c r="U126" s="96">
        <v>0.41453265323534544</v>
      </c>
      <c r="V126" s="92">
        <v>1.6120231012975293E-2</v>
      </c>
      <c r="W126" s="96">
        <v>0.22019699033329698</v>
      </c>
      <c r="X126" s="92">
        <v>1.3565521463450985E-2</v>
      </c>
      <c r="Y126" s="96">
        <v>0.25185124156421401</v>
      </c>
      <c r="Z126" s="92">
        <v>1.4208375148641556E-2</v>
      </c>
      <c r="AA126" s="96">
        <v>0.11341911486714538</v>
      </c>
      <c r="AB126" s="92">
        <v>1.0392462377978003E-2</v>
      </c>
      <c r="AC126" s="81">
        <v>3732</v>
      </c>
      <c r="AD126" s="96">
        <v>0.26746387235264757</v>
      </c>
      <c r="AE126" s="92">
        <v>1.4487780994636582E-2</v>
      </c>
      <c r="AF126" s="96">
        <v>0.26037804122388397</v>
      </c>
      <c r="AG126" s="92">
        <v>1.4363892813970059E-2</v>
      </c>
      <c r="AH126" s="96">
        <v>0.39805165194453163</v>
      </c>
      <c r="AI126" s="92">
        <v>1.6017548534641241E-2</v>
      </c>
      <c r="AJ126" s="96">
        <v>7.4106434478937069E-2</v>
      </c>
      <c r="AK126" s="92">
        <v>8.5952820793282168E-3</v>
      </c>
    </row>
    <row r="127" spans="1:37">
      <c r="A127" s="47" t="s">
        <v>574</v>
      </c>
      <c r="B127" s="139">
        <v>5022</v>
      </c>
      <c r="C127" s="140">
        <v>0.36076826195568457</v>
      </c>
      <c r="D127" s="95">
        <v>1.3548497057058221E-2</v>
      </c>
      <c r="E127" s="140">
        <v>0.23958587602376485</v>
      </c>
      <c r="F127" s="95">
        <v>1.2044894948014542E-2</v>
      </c>
      <c r="G127" s="140">
        <v>0.38305172039281493</v>
      </c>
      <c r="H127" s="95">
        <v>1.3714874421545458E-2</v>
      </c>
      <c r="I127" s="140">
        <v>1.6594141627738493E-2</v>
      </c>
      <c r="J127" s="95">
        <v>3.6446390009957021E-3</v>
      </c>
      <c r="K127" s="139">
        <v>4990</v>
      </c>
      <c r="L127" s="140">
        <v>0.27370357332463335</v>
      </c>
      <c r="M127" s="95">
        <v>1.2620962309204793E-2</v>
      </c>
      <c r="N127" s="140">
        <v>0.23047794530952817</v>
      </c>
      <c r="O127" s="95">
        <v>1.1922664379500235E-2</v>
      </c>
      <c r="P127" s="140">
        <v>0.43154766735546479</v>
      </c>
      <c r="Q127" s="95">
        <v>1.4017603821970722E-2</v>
      </c>
      <c r="R127" s="140">
        <v>6.4270814010375266E-2</v>
      </c>
      <c r="S127" s="95">
        <v>6.9579718642527461E-3</v>
      </c>
      <c r="T127" s="139">
        <v>5003</v>
      </c>
      <c r="U127" s="140">
        <v>0.43633394967191413</v>
      </c>
      <c r="V127" s="95">
        <v>1.40173964718325E-2</v>
      </c>
      <c r="W127" s="140">
        <v>0.2130630446707408</v>
      </c>
      <c r="X127" s="95">
        <v>1.1578051294874679E-2</v>
      </c>
      <c r="Y127" s="140">
        <v>0.23870856849270544</v>
      </c>
      <c r="Z127" s="95">
        <v>1.2052605175951829E-2</v>
      </c>
      <c r="AA127" s="140">
        <v>0.11189443716464247</v>
      </c>
      <c r="AB127" s="95">
        <v>8.9207791137003445E-3</v>
      </c>
      <c r="AC127" s="139">
        <v>5001</v>
      </c>
      <c r="AD127" s="140">
        <v>0.27004402973969183</v>
      </c>
      <c r="AE127" s="95">
        <v>1.2554130262412233E-2</v>
      </c>
      <c r="AF127" s="140">
        <v>0.25780312344955952</v>
      </c>
      <c r="AG127" s="95">
        <v>1.2369095473177895E-2</v>
      </c>
      <c r="AH127" s="140">
        <v>0.39313103220674889</v>
      </c>
      <c r="AI127" s="95">
        <v>1.3808951091864786E-2</v>
      </c>
      <c r="AJ127" s="140">
        <v>7.9021814604002302E-2</v>
      </c>
      <c r="AK127" s="95">
        <v>7.6413370361096741E-3</v>
      </c>
    </row>
    <row r="128" spans="1:37">
      <c r="A128" s="43" t="s">
        <v>575</v>
      </c>
      <c r="B128" s="81">
        <v>5149</v>
      </c>
      <c r="C128" s="96">
        <v>0.35692673088553994</v>
      </c>
      <c r="D128" s="92">
        <v>1.3349030999148498E-2</v>
      </c>
      <c r="E128" s="96">
        <v>0.22686294185960398</v>
      </c>
      <c r="F128" s="92">
        <v>1.1672213926127264E-2</v>
      </c>
      <c r="G128" s="96">
        <v>0.40932696957670112</v>
      </c>
      <c r="H128" s="92">
        <v>1.369998634710274E-2</v>
      </c>
      <c r="I128" s="96">
        <v>6.8833576781559035E-3</v>
      </c>
      <c r="J128" s="92">
        <v>2.3662910483355187E-3</v>
      </c>
      <c r="K128" s="81">
        <v>5125</v>
      </c>
      <c r="L128" s="96">
        <v>0.37893054875511367</v>
      </c>
      <c r="M128" s="92">
        <v>1.3548294405752413E-2</v>
      </c>
      <c r="N128" s="96">
        <v>0.25279141714811515</v>
      </c>
      <c r="O128" s="92">
        <v>1.2140183320664598E-2</v>
      </c>
      <c r="P128" s="96">
        <v>0.31757974772473657</v>
      </c>
      <c r="Q128" s="92">
        <v>1.3002234030538693E-2</v>
      </c>
      <c r="R128" s="96">
        <v>5.0698286372034856E-2</v>
      </c>
      <c r="S128" s="92">
        <v>6.1465002183342509E-3</v>
      </c>
      <c r="T128" s="81">
        <v>5135</v>
      </c>
      <c r="U128" s="96">
        <v>0.60252257485591887</v>
      </c>
      <c r="V128" s="92">
        <v>1.3653638880644529E-2</v>
      </c>
      <c r="W128" s="96">
        <v>0.17410562962225679</v>
      </c>
      <c r="X128" s="92">
        <v>1.0585436842309197E-2</v>
      </c>
      <c r="Y128" s="96">
        <v>0.15454250211498569</v>
      </c>
      <c r="Z128" s="92">
        <v>1.0091807622761965E-2</v>
      </c>
      <c r="AA128" s="96">
        <v>6.8829293406838188E-2</v>
      </c>
      <c r="AB128" s="92">
        <v>7.0789678425926521E-3</v>
      </c>
      <c r="AC128" s="81">
        <v>5131</v>
      </c>
      <c r="AD128" s="96">
        <v>0.33697071109489551</v>
      </c>
      <c r="AE128" s="92">
        <v>1.3193573204661704E-2</v>
      </c>
      <c r="AF128" s="96">
        <v>0.25092522737357115</v>
      </c>
      <c r="AG128" s="92">
        <v>1.2103364354525413E-2</v>
      </c>
      <c r="AH128" s="96">
        <v>0.34265325558081711</v>
      </c>
      <c r="AI128" s="92">
        <v>1.3247124826080972E-2</v>
      </c>
      <c r="AJ128" s="96">
        <v>6.9450805950717245E-2</v>
      </c>
      <c r="AK128" s="92">
        <v>7.1110856108268913E-3</v>
      </c>
    </row>
    <row r="129" spans="1:37">
      <c r="A129" s="47" t="s">
        <v>576</v>
      </c>
      <c r="B129" s="139">
        <v>3139</v>
      </c>
      <c r="C129" s="140">
        <v>0.39305946072130316</v>
      </c>
      <c r="D129" s="95">
        <v>1.7425549526957594E-2</v>
      </c>
      <c r="E129" s="140">
        <v>0.2402275946632858</v>
      </c>
      <c r="F129" s="95">
        <v>1.5248079089147578E-2</v>
      </c>
      <c r="G129" s="140">
        <v>0.35846054310546049</v>
      </c>
      <c r="H129" s="95">
        <v>1.7109538045105347E-2</v>
      </c>
      <c r="I129" s="140">
        <v>8.2524015099441645E-3</v>
      </c>
      <c r="J129" s="95">
        <v>3.3464519769435355E-3</v>
      </c>
      <c r="K129" s="139">
        <v>3121</v>
      </c>
      <c r="L129" s="140">
        <v>0.50864273107965896</v>
      </c>
      <c r="M129" s="95">
        <v>1.7885878024440562E-2</v>
      </c>
      <c r="N129" s="140">
        <v>0.23091767315295988</v>
      </c>
      <c r="O129" s="95">
        <v>1.5085036413684643E-2</v>
      </c>
      <c r="P129" s="140">
        <v>0.20571024598706519</v>
      </c>
      <c r="Q129" s="95">
        <v>1.4471604696550714E-2</v>
      </c>
      <c r="R129" s="140">
        <v>5.4729349780309126E-2</v>
      </c>
      <c r="S129" s="95">
        <v>8.1773371940539203E-3</v>
      </c>
      <c r="T129" s="139">
        <v>3131</v>
      </c>
      <c r="U129" s="140">
        <v>0.67794268269565239</v>
      </c>
      <c r="V129" s="95">
        <v>1.6693776371519271E-2</v>
      </c>
      <c r="W129" s="140">
        <v>0.12806787237050926</v>
      </c>
      <c r="X129" s="95">
        <v>1.195522061834022E-2</v>
      </c>
      <c r="Y129" s="140">
        <v>0.14693756568496644</v>
      </c>
      <c r="Z129" s="95">
        <v>1.2662459229122897E-2</v>
      </c>
      <c r="AA129" s="140">
        <v>4.705187924886553E-2</v>
      </c>
      <c r="AB129" s="95">
        <v>7.6077024098160154E-3</v>
      </c>
      <c r="AC129" s="139">
        <v>3121</v>
      </c>
      <c r="AD129" s="140">
        <v>0.50041912429025381</v>
      </c>
      <c r="AE129" s="95">
        <v>1.7888537551287775E-2</v>
      </c>
      <c r="AF129" s="140">
        <v>0.21193457312144237</v>
      </c>
      <c r="AG129" s="95">
        <v>1.4630624626748473E-2</v>
      </c>
      <c r="AH129" s="140">
        <v>0.23932265449433043</v>
      </c>
      <c r="AI129" s="95">
        <v>1.5272298333945437E-2</v>
      </c>
      <c r="AJ129" s="140">
        <v>4.8323648093967185E-2</v>
      </c>
      <c r="AK129" s="95">
        <v>7.715783999893173E-3</v>
      </c>
    </row>
    <row r="130" spans="1:37">
      <c r="A130" s="43" t="s">
        <v>577</v>
      </c>
      <c r="B130" s="81">
        <v>414</v>
      </c>
      <c r="C130" s="96">
        <v>0.52025716532289557</v>
      </c>
      <c r="D130" s="92">
        <v>4.8872205515327852E-2</v>
      </c>
      <c r="E130" s="96">
        <v>0.21280519879743465</v>
      </c>
      <c r="F130" s="92">
        <v>4.0225461964046215E-2</v>
      </c>
      <c r="G130" s="96">
        <v>0.25507267646304899</v>
      </c>
      <c r="H130" s="92">
        <v>4.2769353060431899E-2</v>
      </c>
      <c r="I130" s="96">
        <v>1.1864959416620096E-2</v>
      </c>
      <c r="J130" s="92">
        <v>1.2474918476203677E-2</v>
      </c>
      <c r="K130" s="81">
        <v>409</v>
      </c>
      <c r="L130" s="96">
        <v>0.47007012735479969</v>
      </c>
      <c r="M130" s="92">
        <v>4.9120247838310246E-2</v>
      </c>
      <c r="N130" s="96">
        <v>0.17709149408643921</v>
      </c>
      <c r="O130" s="92">
        <v>3.7827193659649185E-2</v>
      </c>
      <c r="P130" s="96">
        <v>0.31207531500420121</v>
      </c>
      <c r="Q130" s="92">
        <v>4.5671220149992246E-2</v>
      </c>
      <c r="R130" s="96">
        <v>4.0763063554559435E-2</v>
      </c>
      <c r="S130" s="92">
        <v>2.0447027252323322E-2</v>
      </c>
      <c r="T130" s="81">
        <v>414</v>
      </c>
      <c r="U130" s="96">
        <v>0.59132406779690561</v>
      </c>
      <c r="V130" s="92">
        <v>4.8104627772580462E-2</v>
      </c>
      <c r="W130" s="96">
        <v>0.14012136987806018</v>
      </c>
      <c r="X130" s="92">
        <v>3.4301536829159165E-2</v>
      </c>
      <c r="Y130" s="96">
        <v>0.2471067130820436</v>
      </c>
      <c r="Z130" s="92">
        <v>4.2331924710951443E-2</v>
      </c>
      <c r="AA130" s="96">
        <v>2.1447849242990182E-2</v>
      </c>
      <c r="AB130" s="92">
        <v>1.5575061511089172E-2</v>
      </c>
      <c r="AC130" s="81">
        <v>409</v>
      </c>
      <c r="AD130" s="96">
        <v>0.54921931412377289</v>
      </c>
      <c r="AE130" s="92">
        <v>4.8972409844314578E-2</v>
      </c>
      <c r="AF130" s="96">
        <v>0.22082189059771026</v>
      </c>
      <c r="AG130" s="92">
        <v>4.0999853996290088E-2</v>
      </c>
      <c r="AH130" s="96">
        <v>0.21389876195582203</v>
      </c>
      <c r="AI130" s="92">
        <v>4.0543994751183129E-2</v>
      </c>
      <c r="AJ130" s="96">
        <v>1.6060033322694366E-2</v>
      </c>
      <c r="AK130" s="92">
        <v>1.4027527736264861E-2</v>
      </c>
    </row>
    <row r="131" spans="1:37">
      <c r="A131" s="47" t="s">
        <v>578</v>
      </c>
      <c r="B131" s="139">
        <v>143</v>
      </c>
      <c r="C131" s="140">
        <v>0.56313108917210797</v>
      </c>
      <c r="D131" s="95">
        <v>8.1854095246882461E-2</v>
      </c>
      <c r="E131" s="140">
        <v>0.1892218061559896</v>
      </c>
      <c r="F131" s="95">
        <v>6.5693914721758492E-2</v>
      </c>
      <c r="G131" s="140">
        <v>0.23486914130357753</v>
      </c>
      <c r="H131" s="95">
        <v>7.0658539569004891E-2</v>
      </c>
      <c r="I131" s="140">
        <v>1.2777963368324602E-2</v>
      </c>
      <c r="J131" s="95">
        <v>2.6268031258099647E-2</v>
      </c>
      <c r="K131" s="139">
        <v>141</v>
      </c>
      <c r="L131" s="140">
        <v>0.63845664971595084</v>
      </c>
      <c r="M131" s="95">
        <v>7.9978072209117484E-2</v>
      </c>
      <c r="N131" s="140">
        <v>0.16155006785139167</v>
      </c>
      <c r="O131" s="95">
        <v>6.2518274645492283E-2</v>
      </c>
      <c r="P131" s="140">
        <v>0.17195900392515207</v>
      </c>
      <c r="Q131" s="95">
        <v>6.3949196638759559E-2</v>
      </c>
      <c r="R131" s="140">
        <v>2.8034278507505096E-2</v>
      </c>
      <c r="S131" s="95">
        <v>3.2954970231074951E-2</v>
      </c>
      <c r="T131" s="139">
        <v>142</v>
      </c>
      <c r="U131" s="140">
        <v>0.6514369097049213</v>
      </c>
      <c r="V131" s="95">
        <v>7.9088342978425111E-2</v>
      </c>
      <c r="W131" s="140">
        <v>0.13856907915170863</v>
      </c>
      <c r="X131" s="95">
        <v>5.8853793857634687E-2</v>
      </c>
      <c r="Y131" s="140">
        <v>0.18264430826666478</v>
      </c>
      <c r="Z131" s="95">
        <v>6.5108629494834064E-2</v>
      </c>
      <c r="AA131" s="140">
        <v>2.7349702876704924E-2</v>
      </c>
      <c r="AB131" s="95">
        <v>3.2551335465783253E-2</v>
      </c>
      <c r="AC131" s="139">
        <v>142</v>
      </c>
      <c r="AD131" s="140">
        <v>0.49848682222729551</v>
      </c>
      <c r="AE131" s="95">
        <v>8.2760230346837299E-2</v>
      </c>
      <c r="AF131" s="140">
        <v>0.24405164187079073</v>
      </c>
      <c r="AG131" s="95">
        <v>7.1774157002493164E-2</v>
      </c>
      <c r="AH131" s="140">
        <v>0.2197495347860885</v>
      </c>
      <c r="AI131" s="95">
        <v>6.9381672792619364E-2</v>
      </c>
      <c r="AJ131" s="140">
        <v>3.7712001115824755E-2</v>
      </c>
      <c r="AK131" s="95">
        <v>3.6203209090453242E-2</v>
      </c>
    </row>
    <row r="132" spans="1:37">
      <c r="A132" s="43" t="s">
        <v>581</v>
      </c>
      <c r="B132" s="81">
        <v>9858</v>
      </c>
      <c r="C132" s="96">
        <v>0.36616011276370125</v>
      </c>
      <c r="D132" s="92">
        <v>9.7025611476672206E-3</v>
      </c>
      <c r="E132" s="96">
        <v>0.23769990640293567</v>
      </c>
      <c r="F132" s="92">
        <v>8.5741652310154966E-3</v>
      </c>
      <c r="G132" s="96">
        <v>0.38143609260758304</v>
      </c>
      <c r="H132" s="92">
        <v>9.7827548248838499E-3</v>
      </c>
      <c r="I132" s="96">
        <v>1.4703888225802163E-2</v>
      </c>
      <c r="J132" s="92">
        <v>2.4400075338431781E-3</v>
      </c>
      <c r="K132" s="81">
        <v>9802</v>
      </c>
      <c r="L132" s="96">
        <v>0.31561693609784486</v>
      </c>
      <c r="M132" s="92">
        <v>9.3873217397186966E-3</v>
      </c>
      <c r="N132" s="96">
        <v>0.23390446628084802</v>
      </c>
      <c r="O132" s="92">
        <v>8.5509575301097908E-3</v>
      </c>
      <c r="P132" s="96">
        <v>0.38884196576373581</v>
      </c>
      <c r="Q132" s="92">
        <v>9.8459264634796605E-3</v>
      </c>
      <c r="R132" s="96">
        <v>6.1636631857594819E-2</v>
      </c>
      <c r="S132" s="92">
        <v>4.8638110457318003E-3</v>
      </c>
      <c r="T132" s="81">
        <v>9833</v>
      </c>
      <c r="U132" s="96">
        <v>0.48974869468135468</v>
      </c>
      <c r="V132" s="92">
        <v>1.008039244058348E-2</v>
      </c>
      <c r="W132" s="96">
        <v>0.19926906598229752</v>
      </c>
      <c r="X132" s="92">
        <v>8.0567883914348902E-3</v>
      </c>
      <c r="Y132" s="96">
        <v>0.2131054433812728</v>
      </c>
      <c r="Z132" s="92">
        <v>8.2592544574108823E-3</v>
      </c>
      <c r="AA132" s="96">
        <v>9.7876795955097601E-2</v>
      </c>
      <c r="AB132" s="92">
        <v>5.9964547838869346E-3</v>
      </c>
      <c r="AC132" s="81">
        <v>9822</v>
      </c>
      <c r="AD132" s="96">
        <v>0.30362348534805716</v>
      </c>
      <c r="AE132" s="92">
        <v>9.2781970295775368E-3</v>
      </c>
      <c r="AF132" s="96">
        <v>0.25165184978301869</v>
      </c>
      <c r="AG132" s="92">
        <v>8.7569204699191137E-3</v>
      </c>
      <c r="AH132" s="96">
        <v>0.36993526457897441</v>
      </c>
      <c r="AI132" s="92">
        <v>9.7411425144643734E-3</v>
      </c>
      <c r="AJ132" s="96">
        <v>7.4789400289973634E-2</v>
      </c>
      <c r="AK132" s="92">
        <v>5.3130427036066352E-3</v>
      </c>
    </row>
    <row r="133" spans="1:37">
      <c r="A133" s="47" t="s">
        <v>580</v>
      </c>
      <c r="B133" s="139">
        <v>4031</v>
      </c>
      <c r="C133" s="140">
        <v>0.37442581393979546</v>
      </c>
      <c r="D133" s="95">
        <v>1.5239106170211248E-2</v>
      </c>
      <c r="E133" s="140">
        <v>0.23101368996257257</v>
      </c>
      <c r="F133" s="95">
        <v>1.3275826891423394E-2</v>
      </c>
      <c r="G133" s="140">
        <v>0.3879302733103494</v>
      </c>
      <c r="H133" s="95">
        <v>1.5342928909972129E-2</v>
      </c>
      <c r="I133" s="140">
        <v>6.6302227872820051E-3</v>
      </c>
      <c r="J133" s="95">
        <v>2.6471332429473448E-3</v>
      </c>
      <c r="K133" s="139">
        <v>4003</v>
      </c>
      <c r="L133" s="140">
        <v>0.38328357012861891</v>
      </c>
      <c r="M133" s="95">
        <v>1.5362014001973309E-2</v>
      </c>
      <c r="N133" s="140">
        <v>0.24318080703353281</v>
      </c>
      <c r="O133" s="95">
        <v>1.3559268934802497E-2</v>
      </c>
      <c r="P133" s="140">
        <v>0.32350470703782075</v>
      </c>
      <c r="Q133" s="95">
        <v>1.4782731373248783E-2</v>
      </c>
      <c r="R133" s="140">
        <v>5.003091580002765E-2</v>
      </c>
      <c r="S133" s="95">
        <v>6.9172338561235037E-3</v>
      </c>
      <c r="T133" s="139">
        <v>4015</v>
      </c>
      <c r="U133" s="140">
        <v>0.55377950581167934</v>
      </c>
      <c r="V133" s="95">
        <v>1.5682642600623443E-2</v>
      </c>
      <c r="W133" s="140">
        <v>0.17424165096319782</v>
      </c>
      <c r="X133" s="95">
        <v>1.1975450818382008E-2</v>
      </c>
      <c r="Y133" s="140">
        <v>0.2001950069018634</v>
      </c>
      <c r="Z133" s="95">
        <v>1.2630834804227645E-2</v>
      </c>
      <c r="AA133" s="140">
        <v>7.1783836323259104E-2</v>
      </c>
      <c r="AB133" s="95">
        <v>8.1657219277904477E-3</v>
      </c>
      <c r="AC133" s="139">
        <v>4004</v>
      </c>
      <c r="AD133" s="140">
        <v>0.37948027668329276</v>
      </c>
      <c r="AE133" s="95">
        <v>1.5330815569821618E-2</v>
      </c>
      <c r="AF133" s="140">
        <v>0.24423579983167976</v>
      </c>
      <c r="AG133" s="95">
        <v>1.3577425577051055E-2</v>
      </c>
      <c r="AH133" s="140">
        <v>0.31349204536831798</v>
      </c>
      <c r="AI133" s="95">
        <v>1.4657914955479487E-2</v>
      </c>
      <c r="AJ133" s="140">
        <v>6.2791878116709096E-2</v>
      </c>
      <c r="AK133" s="95">
        <v>7.6884447199875444E-3</v>
      </c>
    </row>
    <row r="134" spans="1:37">
      <c r="A134" s="43" t="s">
        <v>583</v>
      </c>
      <c r="B134" s="137">
        <v>922</v>
      </c>
      <c r="C134" s="138">
        <v>0.38432442080877693</v>
      </c>
      <c r="D134" s="92">
        <v>3.1978293927802597E-2</v>
      </c>
      <c r="E134" s="138">
        <v>0.22576003794951027</v>
      </c>
      <c r="F134" s="92">
        <v>2.7528958340024969E-2</v>
      </c>
      <c r="G134" s="138">
        <v>0.38487196058597822</v>
      </c>
      <c r="H134" s="92">
        <v>3.1986754591413237E-2</v>
      </c>
      <c r="I134" s="138">
        <v>5.0435806557328992E-3</v>
      </c>
      <c r="J134" s="92">
        <v>5.5497147043656551E-3</v>
      </c>
      <c r="K134" s="137">
        <v>915</v>
      </c>
      <c r="L134" s="138">
        <v>0.46563221629535534</v>
      </c>
      <c r="M134" s="92">
        <v>3.2909617716698279E-2</v>
      </c>
      <c r="N134" s="138">
        <v>0.22977431336755558</v>
      </c>
      <c r="O134" s="92">
        <v>2.7804099326959531E-2</v>
      </c>
      <c r="P134" s="138">
        <v>0.26877585596933662</v>
      </c>
      <c r="Q134" s="92">
        <v>2.9282296258206508E-2</v>
      </c>
      <c r="R134" s="138">
        <v>3.5817614367750432E-2</v>
      </c>
      <c r="S134" s="92">
        <v>1.2588106183961507E-2</v>
      </c>
      <c r="T134" s="137">
        <v>917</v>
      </c>
      <c r="U134" s="138">
        <v>0.60945500797003227</v>
      </c>
      <c r="V134" s="92">
        <v>3.2158905097239746E-2</v>
      </c>
      <c r="W134" s="138">
        <v>0.15607453445147482</v>
      </c>
      <c r="X134" s="92">
        <v>2.4010537773283474E-2</v>
      </c>
      <c r="Y134" s="138">
        <v>0.18253616003751666</v>
      </c>
      <c r="Z134" s="92">
        <v>2.5531503961615017E-2</v>
      </c>
      <c r="AA134" s="138">
        <v>5.1934297540975116E-2</v>
      </c>
      <c r="AB134" s="92">
        <v>1.4879495395476618E-2</v>
      </c>
      <c r="AC134" s="137">
        <v>915</v>
      </c>
      <c r="AD134" s="138">
        <v>0.47898844686419506</v>
      </c>
      <c r="AE134" s="92">
        <v>3.2958070071138608E-2</v>
      </c>
      <c r="AF134" s="138">
        <v>0.19740331288625726</v>
      </c>
      <c r="AG134" s="92">
        <v>2.6326037449514419E-2</v>
      </c>
      <c r="AH134" s="138">
        <v>0.28137307521912741</v>
      </c>
      <c r="AI134" s="92">
        <v>2.9696868739055651E-2</v>
      </c>
      <c r="AJ134" s="138">
        <v>4.2235165030419047E-2</v>
      </c>
      <c r="AK134" s="92">
        <v>1.3564263825635249E-2</v>
      </c>
    </row>
    <row r="135" spans="1:37">
      <c r="A135" s="47" t="s">
        <v>582</v>
      </c>
      <c r="B135" s="139">
        <v>3109</v>
      </c>
      <c r="C135" s="140">
        <v>0.37087310041279059</v>
      </c>
      <c r="D135" s="95">
        <v>1.7316578221809115E-2</v>
      </c>
      <c r="E135" s="140">
        <v>0.23289928061386583</v>
      </c>
      <c r="F135" s="95">
        <v>1.515909544623009E-2</v>
      </c>
      <c r="G135" s="140">
        <v>0.38902793373160721</v>
      </c>
      <c r="H135" s="95">
        <v>1.7477141331311535E-2</v>
      </c>
      <c r="I135" s="140">
        <v>7.1996852417345212E-3</v>
      </c>
      <c r="J135" s="95">
        <v>3.1600515703234053E-3</v>
      </c>
      <c r="K135" s="139">
        <v>3088</v>
      </c>
      <c r="L135" s="140">
        <v>0.35369935406830505</v>
      </c>
      <c r="M135" s="95">
        <v>1.7198764355452586E-2</v>
      </c>
      <c r="N135" s="140">
        <v>0.24799716557356744</v>
      </c>
      <c r="O135" s="95">
        <v>1.5539407575235517E-2</v>
      </c>
      <c r="P135" s="140">
        <v>0.34316635577293708</v>
      </c>
      <c r="Q135" s="95">
        <v>1.7078572198193299E-2</v>
      </c>
      <c r="R135" s="140">
        <v>5.5137124585190322E-2</v>
      </c>
      <c r="S135" s="95">
        <v>8.2497190847998191E-3</v>
      </c>
      <c r="T135" s="139">
        <v>3098</v>
      </c>
      <c r="U135" s="140">
        <v>0.53386634293822144</v>
      </c>
      <c r="V135" s="95">
        <v>1.7913612703040947E-2</v>
      </c>
      <c r="W135" s="140">
        <v>0.18073938759806615</v>
      </c>
      <c r="X135" s="95">
        <v>1.3830295033615096E-2</v>
      </c>
      <c r="Y135" s="140">
        <v>0.20651095341577236</v>
      </c>
      <c r="Z135" s="95">
        <v>1.4546050796857364E-2</v>
      </c>
      <c r="AA135" s="140">
        <v>7.8883316047939772E-2</v>
      </c>
      <c r="AB135" s="95">
        <v>9.7100317863273878E-3</v>
      </c>
      <c r="AC135" s="139">
        <v>3089</v>
      </c>
      <c r="AD135" s="140">
        <v>0.34382870502324786</v>
      </c>
      <c r="AE135" s="95">
        <v>1.7083638942097766E-2</v>
      </c>
      <c r="AF135" s="140">
        <v>0.26101484180700113</v>
      </c>
      <c r="AG135" s="95">
        <v>1.5799983340793668E-2</v>
      </c>
      <c r="AH135" s="140">
        <v>0.32499956041797678</v>
      </c>
      <c r="AI135" s="95">
        <v>1.6846581705443425E-2</v>
      </c>
      <c r="AJ135" s="140">
        <v>7.0156892751773711E-2</v>
      </c>
      <c r="AK135" s="95">
        <v>9.2185790837860607E-3</v>
      </c>
    </row>
    <row r="136" spans="1:37">
      <c r="A136" s="43" t="s">
        <v>568</v>
      </c>
      <c r="B136" s="81">
        <v>8295</v>
      </c>
      <c r="C136" s="96">
        <v>0.39277348099220771</v>
      </c>
      <c r="D136" s="92">
        <v>1.0721946736436911E-2</v>
      </c>
      <c r="E136" s="96">
        <v>0.23087324583877131</v>
      </c>
      <c r="F136" s="92">
        <v>9.2531205580220453E-3</v>
      </c>
      <c r="G136" s="96">
        <v>0.36235599502997667</v>
      </c>
      <c r="H136" s="92">
        <v>1.0553369362667825E-2</v>
      </c>
      <c r="I136" s="96">
        <v>1.3997278139033063E-2</v>
      </c>
      <c r="J136" s="92">
        <v>2.6003409130680812E-3</v>
      </c>
      <c r="K136" s="81">
        <v>8253</v>
      </c>
      <c r="L136" s="96">
        <v>0.35559087211876966</v>
      </c>
      <c r="M136" s="92">
        <v>1.053644582925496E-2</v>
      </c>
      <c r="N136" s="96">
        <v>0.23628340377670859</v>
      </c>
      <c r="O136" s="92">
        <v>9.3515290065223997E-3</v>
      </c>
      <c r="P136" s="96">
        <v>0.34511774470091788</v>
      </c>
      <c r="Q136" s="92">
        <v>1.0464209681533627E-2</v>
      </c>
      <c r="R136" s="96">
        <v>6.3007979403591471E-2</v>
      </c>
      <c r="S136" s="92">
        <v>5.3562872830995997E-3</v>
      </c>
      <c r="T136" s="81">
        <v>8274</v>
      </c>
      <c r="U136" s="96">
        <v>0.5320435518456611</v>
      </c>
      <c r="V136" s="92">
        <v>1.0968429796995187E-2</v>
      </c>
      <c r="W136" s="96">
        <v>0.18894790357450891</v>
      </c>
      <c r="X136" s="92">
        <v>8.6078585168749746E-3</v>
      </c>
      <c r="Y136" s="96">
        <v>0.1869629912470949</v>
      </c>
      <c r="Z136" s="92">
        <v>8.5730523254655706E-3</v>
      </c>
      <c r="AA136" s="96">
        <v>9.2045553332724739E-2</v>
      </c>
      <c r="AB136" s="92">
        <v>6.3608934591003136E-3</v>
      </c>
      <c r="AC136" s="81">
        <v>8260</v>
      </c>
      <c r="AD136" s="96">
        <v>0.32462215460462374</v>
      </c>
      <c r="AE136" s="92">
        <v>1.0302124776333814E-2</v>
      </c>
      <c r="AF136" s="96">
        <v>0.24819010467758651</v>
      </c>
      <c r="AG136" s="92">
        <v>9.5050082167436878E-3</v>
      </c>
      <c r="AH136" s="96">
        <v>0.34914076567093255</v>
      </c>
      <c r="AI136" s="92">
        <v>1.0488169649293147E-2</v>
      </c>
      <c r="AJ136" s="96">
        <v>7.8046975046844866E-2</v>
      </c>
      <c r="AK136" s="92">
        <v>5.9086282262493612E-3</v>
      </c>
    </row>
    <row r="137" spans="1:37">
      <c r="A137" s="47" t="s">
        <v>569</v>
      </c>
      <c r="B137" s="139">
        <v>5532</v>
      </c>
      <c r="C137" s="140">
        <v>0.33556909461998302</v>
      </c>
      <c r="D137" s="95">
        <v>1.2693631339895943E-2</v>
      </c>
      <c r="E137" s="140">
        <v>0.24175887056294257</v>
      </c>
      <c r="F137" s="95">
        <v>1.1511738633428159E-2</v>
      </c>
      <c r="G137" s="140">
        <v>0.40881610838260579</v>
      </c>
      <c r="H137" s="95">
        <v>1.3215026609284634E-2</v>
      </c>
      <c r="I137" s="140">
        <v>1.3855926434489192E-2</v>
      </c>
      <c r="J137" s="95">
        <v>3.1811109835475008E-3</v>
      </c>
      <c r="K137" s="139">
        <v>5494</v>
      </c>
      <c r="L137" s="140">
        <v>0.2807504716843518</v>
      </c>
      <c r="M137" s="95">
        <v>1.2122797335420703E-2</v>
      </c>
      <c r="N137" s="140">
        <v>0.23057308473993895</v>
      </c>
      <c r="O137" s="95">
        <v>1.1364355705261698E-2</v>
      </c>
      <c r="P137" s="140">
        <v>0.43070654386047985</v>
      </c>
      <c r="Q137" s="95">
        <v>1.3356499244451463E-2</v>
      </c>
      <c r="R137" s="140">
        <v>5.796989971524872E-2</v>
      </c>
      <c r="S137" s="95">
        <v>6.3195836166738224E-3</v>
      </c>
      <c r="T137" s="139">
        <v>5513</v>
      </c>
      <c r="U137" s="140">
        <v>0.45105434167372993</v>
      </c>
      <c r="V137" s="95">
        <v>1.3398638201006063E-2</v>
      </c>
      <c r="W137" s="140">
        <v>0.20686753938489957</v>
      </c>
      <c r="X137" s="95">
        <v>1.0910943879961181E-2</v>
      </c>
      <c r="Y137" s="140">
        <v>0.24280564942807675</v>
      </c>
      <c r="Z137" s="95">
        <v>1.1548479319650185E-2</v>
      </c>
      <c r="AA137" s="140">
        <v>9.9272469513314296E-2</v>
      </c>
      <c r="AB137" s="95">
        <v>8.0622112901849903E-3</v>
      </c>
      <c r="AC137" s="139">
        <v>5508</v>
      </c>
      <c r="AD137" s="140">
        <v>0.29136651041156564</v>
      </c>
      <c r="AE137" s="95">
        <v>1.2242565932974608E-2</v>
      </c>
      <c r="AF137" s="140">
        <v>0.25413599830064593</v>
      </c>
      <c r="AG137" s="95">
        <v>1.1731100521248474E-2</v>
      </c>
      <c r="AH137" s="140">
        <v>0.38599006885569792</v>
      </c>
      <c r="AI137" s="95">
        <v>1.311500415302252E-2</v>
      </c>
      <c r="AJ137" s="140">
        <v>6.8507422432109999E-2</v>
      </c>
      <c r="AK137" s="95">
        <v>6.8194784010663142E-3</v>
      </c>
    </row>
    <row r="138" spans="1:37">
      <c r="A138" s="55" t="s">
        <v>570</v>
      </c>
      <c r="B138" s="137">
        <v>1788</v>
      </c>
      <c r="C138" s="138">
        <v>0.33725418216554764</v>
      </c>
      <c r="D138" s="92">
        <v>2.2342299966967634E-2</v>
      </c>
      <c r="E138" s="138">
        <v>0.24103957319687908</v>
      </c>
      <c r="F138" s="92">
        <v>2.0224109356356851E-2</v>
      </c>
      <c r="G138" s="138">
        <v>0.40185855289682926</v>
      </c>
      <c r="H138" s="92">
        <v>2.3165322337216278E-2</v>
      </c>
      <c r="I138" s="138">
        <v>1.9847691740746288E-2</v>
      </c>
      <c r="J138" s="92">
        <v>6.7615371752048946E-3</v>
      </c>
      <c r="K138" s="137">
        <v>1781</v>
      </c>
      <c r="L138" s="138">
        <v>0.28991351380372921</v>
      </c>
      <c r="M138" s="92">
        <v>2.1488646292607053E-2</v>
      </c>
      <c r="N138" s="138">
        <v>0.24930446549576257</v>
      </c>
      <c r="O138" s="92">
        <v>2.0494344712246142E-2</v>
      </c>
      <c r="P138" s="138">
        <v>0.40486330680339117</v>
      </c>
      <c r="Q138" s="92">
        <v>2.3238600594258287E-2</v>
      </c>
      <c r="R138" s="138">
        <v>5.5918713897118923E-2</v>
      </c>
      <c r="S138" s="92">
        <v>1.0967195010273011E-2</v>
      </c>
      <c r="T138" s="137">
        <v>1781</v>
      </c>
      <c r="U138" s="138">
        <v>0.47351521966240034</v>
      </c>
      <c r="V138" s="92">
        <v>2.3635973940551985E-2</v>
      </c>
      <c r="W138" s="138">
        <v>0.20909960685727008</v>
      </c>
      <c r="X138" s="92">
        <v>1.9272819382034491E-2</v>
      </c>
      <c r="Y138" s="138">
        <v>0.26931913625409182</v>
      </c>
      <c r="Z138" s="92">
        <v>2.1012178113856365E-2</v>
      </c>
      <c r="AA138" s="138">
        <v>4.8066037226239741E-2</v>
      </c>
      <c r="AB138" s="92">
        <v>1.0226570358214733E-2</v>
      </c>
      <c r="AC138" s="137">
        <v>1782</v>
      </c>
      <c r="AD138" s="138">
        <v>0.27324729564459838</v>
      </c>
      <c r="AE138" s="92">
        <v>2.1101432819203389E-2</v>
      </c>
      <c r="AF138" s="138">
        <v>0.2383897752195891</v>
      </c>
      <c r="AG138" s="92">
        <v>2.0182055423660552E-2</v>
      </c>
      <c r="AH138" s="138">
        <v>0.42815034285147829</v>
      </c>
      <c r="AI138" s="92">
        <v>2.3417947798038123E-2</v>
      </c>
      <c r="AJ138" s="138">
        <v>6.0212586284336761E-2</v>
      </c>
      <c r="AK138" s="92">
        <v>1.1343404047063403E-2</v>
      </c>
    </row>
    <row r="139" spans="1:37">
      <c r="A139" s="47" t="s">
        <v>571</v>
      </c>
      <c r="B139" s="139">
        <v>3787</v>
      </c>
      <c r="C139" s="140">
        <v>0.40242148235569603</v>
      </c>
      <c r="D139" s="95">
        <v>1.5929762587628439E-2</v>
      </c>
      <c r="E139" s="140">
        <v>0.23029859103994574</v>
      </c>
      <c r="F139" s="95">
        <v>1.3681941880652776E-2</v>
      </c>
      <c r="G139" s="140">
        <v>0.35136897001318951</v>
      </c>
      <c r="H139" s="95">
        <v>1.5508795013167657E-2</v>
      </c>
      <c r="I139" s="140">
        <v>1.5910956591169145E-2</v>
      </c>
      <c r="J139" s="95">
        <v>4.1282602554953991E-3</v>
      </c>
      <c r="K139" s="139">
        <v>3778</v>
      </c>
      <c r="L139" s="140">
        <v>0.34726295565791104</v>
      </c>
      <c r="M139" s="95">
        <v>1.548512927800226E-2</v>
      </c>
      <c r="N139" s="140">
        <v>0.23965693856090714</v>
      </c>
      <c r="O139" s="95">
        <v>1.388800049176488E-2</v>
      </c>
      <c r="P139" s="140">
        <v>0.36983357474782375</v>
      </c>
      <c r="Q139" s="95">
        <v>1.5701220203170278E-2</v>
      </c>
      <c r="R139" s="140">
        <v>4.3246531033358293E-2</v>
      </c>
      <c r="S139" s="95">
        <v>6.650394391939804E-3</v>
      </c>
      <c r="T139" s="139">
        <v>3779</v>
      </c>
      <c r="U139" s="140">
        <v>0.4855183016377867</v>
      </c>
      <c r="V139" s="95">
        <v>1.6251744205449035E-2</v>
      </c>
      <c r="W139" s="140">
        <v>0.20105054138021006</v>
      </c>
      <c r="X139" s="95">
        <v>1.3040051594248528E-2</v>
      </c>
      <c r="Y139" s="140">
        <v>0.24302867477335499</v>
      </c>
      <c r="Z139" s="95">
        <v>1.3952273485088318E-2</v>
      </c>
      <c r="AA139" s="140">
        <v>7.0402482208648337E-2</v>
      </c>
      <c r="AB139" s="95">
        <v>8.3434121758565738E-3</v>
      </c>
      <c r="AC139" s="139">
        <v>3780</v>
      </c>
      <c r="AD139" s="140">
        <v>0.32212371815748903</v>
      </c>
      <c r="AE139" s="95">
        <v>1.5195236997160371E-2</v>
      </c>
      <c r="AF139" s="140">
        <v>0.26676894677050478</v>
      </c>
      <c r="AG139" s="95">
        <v>1.4383681537690979E-2</v>
      </c>
      <c r="AH139" s="140">
        <v>0.34891191215063633</v>
      </c>
      <c r="AI139" s="95">
        <v>1.5498094595237651E-2</v>
      </c>
      <c r="AJ139" s="140">
        <v>6.2195422921369661E-2</v>
      </c>
      <c r="AK139" s="95">
        <v>7.8793871713292093E-3</v>
      </c>
    </row>
    <row r="140" spans="1:37">
      <c r="A140" s="55" t="s">
        <v>572</v>
      </c>
      <c r="B140" s="137">
        <v>4183</v>
      </c>
      <c r="C140" s="138">
        <v>0.40868967223676267</v>
      </c>
      <c r="D140" s="92">
        <v>1.5194883896320427E-2</v>
      </c>
      <c r="E140" s="138">
        <v>0.23065411843387046</v>
      </c>
      <c r="F140" s="92">
        <v>1.3025350310827239E-2</v>
      </c>
      <c r="G140" s="138">
        <v>0.34873669939991381</v>
      </c>
      <c r="H140" s="92">
        <v>1.4731515209944234E-2</v>
      </c>
      <c r="I140" s="138">
        <v>1.1919509929461882E-2</v>
      </c>
      <c r="J140" s="92">
        <v>3.418488054040679E-3</v>
      </c>
      <c r="K140" s="137">
        <v>4159</v>
      </c>
      <c r="L140" s="138">
        <v>0.36278961203943028</v>
      </c>
      <c r="M140" s="92">
        <v>1.4904918318853502E-2</v>
      </c>
      <c r="N140" s="138">
        <v>0.21920560823870328</v>
      </c>
      <c r="O140" s="92">
        <v>1.2829597111237594E-2</v>
      </c>
      <c r="P140" s="138">
        <v>0.34586817825470134</v>
      </c>
      <c r="Q140" s="92">
        <v>1.4745466737624816E-2</v>
      </c>
      <c r="R140" s="138">
        <v>7.2136601467174002E-2</v>
      </c>
      <c r="S140" s="92">
        <v>8.0405256020901258E-3</v>
      </c>
      <c r="T140" s="137">
        <v>4172</v>
      </c>
      <c r="U140" s="138">
        <v>0.54394649541965134</v>
      </c>
      <c r="V140" s="92">
        <v>1.5414838461535119E-2</v>
      </c>
      <c r="W140" s="138">
        <v>0.19084378382662867</v>
      </c>
      <c r="X140" s="92">
        <v>1.2169203211252382E-2</v>
      </c>
      <c r="Y140" s="138">
        <v>0.17344772584289106</v>
      </c>
      <c r="Z140" s="92">
        <v>1.1726766329112502E-2</v>
      </c>
      <c r="AA140" s="138">
        <v>9.1761994910837683E-2</v>
      </c>
      <c r="AB140" s="92">
        <v>8.9518104832321185E-3</v>
      </c>
      <c r="AC140" s="137">
        <v>4164</v>
      </c>
      <c r="AD140" s="138">
        <v>0.35582230836864598</v>
      </c>
      <c r="AE140" s="92">
        <v>1.4832806948039354E-2</v>
      </c>
      <c r="AF140" s="138">
        <v>0.24642487616535697</v>
      </c>
      <c r="AG140" s="92">
        <v>1.3354138960165627E-2</v>
      </c>
      <c r="AH140" s="138">
        <v>0.31631243601030012</v>
      </c>
      <c r="AI140" s="92">
        <v>1.4408477790331598E-2</v>
      </c>
      <c r="AJ140" s="138">
        <v>8.1440379455706105E-2</v>
      </c>
      <c r="AK140" s="92">
        <v>8.4920615539169318E-3</v>
      </c>
    </row>
    <row r="141" spans="1:37">
      <c r="A141" s="47" t="s">
        <v>573</v>
      </c>
      <c r="B141" s="139">
        <v>4001</v>
      </c>
      <c r="C141" s="140">
        <v>0.27288859577795876</v>
      </c>
      <c r="D141" s="95">
        <v>1.4081034925833669E-2</v>
      </c>
      <c r="E141" s="140">
        <v>0.25039165272286501</v>
      </c>
      <c r="F141" s="95">
        <v>1.3696188591393113E-2</v>
      </c>
      <c r="G141" s="140">
        <v>0.46965741312034465</v>
      </c>
      <c r="H141" s="95">
        <v>1.5772450754271819E-2</v>
      </c>
      <c r="I141" s="140">
        <v>7.0623383788249016E-3</v>
      </c>
      <c r="J141" s="95">
        <v>2.7364625807697416E-3</v>
      </c>
      <c r="K141" s="139">
        <v>3962</v>
      </c>
      <c r="L141" s="140">
        <v>0.2469759276864234</v>
      </c>
      <c r="M141" s="95">
        <v>1.3700488036003534E-2</v>
      </c>
      <c r="N141" s="140">
        <v>0.22204439269638182</v>
      </c>
      <c r="O141" s="95">
        <v>1.3205251369355814E-2</v>
      </c>
      <c r="P141" s="140">
        <v>0.44847543316820565</v>
      </c>
      <c r="Q141" s="95">
        <v>1.5794653384436794E-2</v>
      </c>
      <c r="R141" s="140">
        <v>8.2504246448984409E-2</v>
      </c>
      <c r="S141" s="95">
        <v>8.757891761077408E-3</v>
      </c>
      <c r="T141" s="139">
        <v>3989</v>
      </c>
      <c r="U141" s="140">
        <v>0.46313278078074271</v>
      </c>
      <c r="V141" s="95">
        <v>1.5782250122064238E-2</v>
      </c>
      <c r="W141" s="140">
        <v>0.18575781069832534</v>
      </c>
      <c r="X141" s="95">
        <v>1.2317268013220506E-2</v>
      </c>
      <c r="Y141" s="140">
        <v>0.15875146768780918</v>
      </c>
      <c r="Z141" s="95">
        <v>1.1576578155127143E-2</v>
      </c>
      <c r="AA141" s="140">
        <v>0.19235794083311714</v>
      </c>
      <c r="AB141" s="95">
        <v>1.2482730873489889E-2</v>
      </c>
      <c r="AC141" s="139">
        <v>3976</v>
      </c>
      <c r="AD141" s="140">
        <v>0.26354166144838909</v>
      </c>
      <c r="AE141" s="95">
        <v>1.3970528372089985E-2</v>
      </c>
      <c r="AF141" s="140">
        <v>0.23876395212458734</v>
      </c>
      <c r="AG141" s="95">
        <v>1.3520608977099806E-2</v>
      </c>
      <c r="AH141" s="140">
        <v>0.40032224568977781</v>
      </c>
      <c r="AI141" s="95">
        <v>1.553353662970142E-2</v>
      </c>
      <c r="AJ141" s="140">
        <v>9.7372140737239862E-2</v>
      </c>
      <c r="AK141" s="95">
        <v>9.4159327618708495E-3</v>
      </c>
    </row>
    <row r="142" spans="1:37">
      <c r="A142" s="55" t="s">
        <v>579</v>
      </c>
      <c r="B142" s="137">
        <v>9676</v>
      </c>
      <c r="C142" s="138">
        <v>0.37945213035187758</v>
      </c>
      <c r="D142" s="92">
        <v>9.8643740483432812E-3</v>
      </c>
      <c r="E142" s="138">
        <v>0.23859074568561234</v>
      </c>
      <c r="F142" s="92">
        <v>8.6655407887371756E-3</v>
      </c>
      <c r="G142" s="138">
        <v>0.36882806989105205</v>
      </c>
      <c r="H142" s="92">
        <v>9.8082471140656692E-3</v>
      </c>
      <c r="I142" s="138">
        <v>1.3129054071482446E-2</v>
      </c>
      <c r="J142" s="92">
        <v>2.3312949176593845E-3</v>
      </c>
      <c r="K142" s="137">
        <v>9633</v>
      </c>
      <c r="L142" s="138">
        <v>0.33189798926688929</v>
      </c>
      <c r="M142" s="92">
        <v>9.5941329499862182E-3</v>
      </c>
      <c r="N142" s="138">
        <v>0.23584908151504569</v>
      </c>
      <c r="O142" s="92">
        <v>8.650386154658846E-3</v>
      </c>
      <c r="P142" s="138">
        <v>0.37123322938824393</v>
      </c>
      <c r="Q142" s="92">
        <v>9.8432854714414399E-3</v>
      </c>
      <c r="R142" s="138">
        <v>6.1019699829845599E-2</v>
      </c>
      <c r="S142" s="92">
        <v>4.8834600544581499E-3</v>
      </c>
      <c r="T142" s="137">
        <v>9656</v>
      </c>
      <c r="U142" s="138">
        <v>0.51591326377762758</v>
      </c>
      <c r="V142" s="92">
        <v>1.0169311559876461E-2</v>
      </c>
      <c r="W142" s="138">
        <v>0.18267770064107544</v>
      </c>
      <c r="X142" s="92">
        <v>7.8650610113040597E-3</v>
      </c>
      <c r="Y142" s="138">
        <v>0.20026748077758483</v>
      </c>
      <c r="Z142" s="92">
        <v>8.1455395668706687E-3</v>
      </c>
      <c r="AA142" s="138">
        <v>0.10114155480373679</v>
      </c>
      <c r="AB142" s="92">
        <v>6.1399706422842542E-3</v>
      </c>
      <c r="AC142" s="137">
        <v>9634</v>
      </c>
      <c r="AD142" s="138">
        <v>0.3243438232590512</v>
      </c>
      <c r="AE142" s="92">
        <v>9.5373472906239536E-3</v>
      </c>
      <c r="AF142" s="138">
        <v>0.24771076425947555</v>
      </c>
      <c r="AG142" s="92">
        <v>8.7955487569496456E-3</v>
      </c>
      <c r="AH142" s="138">
        <v>0.34678054703121469</v>
      </c>
      <c r="AI142" s="92">
        <v>9.6964358423805384E-3</v>
      </c>
      <c r="AJ142" s="138">
        <v>8.1164865450283299E-2</v>
      </c>
      <c r="AK142" s="92">
        <v>5.5688156275383316E-3</v>
      </c>
    </row>
    <row r="143" spans="1:37">
      <c r="A143" s="47" t="s">
        <v>585</v>
      </c>
      <c r="B143" s="139">
        <v>1554</v>
      </c>
      <c r="C143" s="140">
        <v>0.33100668439643222</v>
      </c>
      <c r="D143" s="95">
        <v>2.3851687335622752E-2</v>
      </c>
      <c r="E143" s="140">
        <v>0.23109460189441478</v>
      </c>
      <c r="F143" s="95">
        <v>2.138111336214368E-2</v>
      </c>
      <c r="G143" s="140">
        <v>0.422037249241765</v>
      </c>
      <c r="H143" s="95">
        <v>2.5026454791099637E-2</v>
      </c>
      <c r="I143" s="140">
        <v>1.5861464467390465E-2</v>
      </c>
      <c r="J143" s="95">
        <v>6.5698336262848553E-3</v>
      </c>
      <c r="K143" s="139">
        <v>1545</v>
      </c>
      <c r="L143" s="140">
        <v>0.31136157243414564</v>
      </c>
      <c r="M143" s="95">
        <v>2.3540637590467952E-2</v>
      </c>
      <c r="N143" s="140">
        <v>0.22497107291491197</v>
      </c>
      <c r="O143" s="95">
        <v>2.1242808625101028E-2</v>
      </c>
      <c r="P143" s="140">
        <v>0.39708456679806026</v>
      </c>
      <c r="Q143" s="95">
        <v>2.4867008149697913E-2</v>
      </c>
      <c r="R143" s="140">
        <v>6.6582787852885003E-2</v>
      </c>
      <c r="S143" s="95">
        <v>1.2766811026307435E-2</v>
      </c>
      <c r="T143" s="139">
        <v>1551</v>
      </c>
      <c r="U143" s="140">
        <v>0.46877409210064358</v>
      </c>
      <c r="V143" s="95">
        <v>2.5309909480910574E-2</v>
      </c>
      <c r="W143" s="140">
        <v>0.23812693587425529</v>
      </c>
      <c r="X143" s="95">
        <v>2.1623784380950251E-2</v>
      </c>
      <c r="Y143" s="140">
        <v>0.19262314777064421</v>
      </c>
      <c r="Z143" s="95">
        <v>2.0032444359411272E-2</v>
      </c>
      <c r="AA143" s="140">
        <v>0.10047582425445993</v>
      </c>
      <c r="AB143" s="95">
        <v>1.5316642543513295E-2</v>
      </c>
      <c r="AC143" s="139">
        <v>1548</v>
      </c>
      <c r="AD143" s="140">
        <v>0.30325458903911873</v>
      </c>
      <c r="AE143" s="95">
        <v>2.334691947569905E-2</v>
      </c>
      <c r="AF143" s="140">
        <v>0.24275302037221086</v>
      </c>
      <c r="AG143" s="95">
        <v>2.1786491211938534E-2</v>
      </c>
      <c r="AH143" s="140">
        <v>0.38865658071625347</v>
      </c>
      <c r="AI143" s="95">
        <v>2.4749594630334798E-2</v>
      </c>
      <c r="AJ143" s="140">
        <v>6.5335809872419728E-2</v>
      </c>
      <c r="AK143" s="95">
        <v>1.2645001054456996E-2</v>
      </c>
    </row>
    <row r="144" spans="1:37">
      <c r="A144" s="55" t="s">
        <v>586</v>
      </c>
      <c r="B144" s="137">
        <v>915</v>
      </c>
      <c r="C144" s="138">
        <v>0.31245351188336667</v>
      </c>
      <c r="D144" s="92">
        <v>3.060022256185E-2</v>
      </c>
      <c r="E144" s="138">
        <v>0.24515040761291348</v>
      </c>
      <c r="F144" s="92">
        <v>2.842364395562447E-2</v>
      </c>
      <c r="G144" s="138">
        <v>0.43309741791354794</v>
      </c>
      <c r="H144" s="92">
        <v>3.2692914408594079E-2</v>
      </c>
      <c r="I144" s="138">
        <v>9.2986625901720025E-3</v>
      </c>
      <c r="J144" s="92">
        <v>7.0142777228392739E-3</v>
      </c>
      <c r="K144" s="137">
        <v>908</v>
      </c>
      <c r="L144" s="138">
        <v>0.25028968421513026</v>
      </c>
      <c r="M144" s="92">
        <v>2.8729724695618946E-2</v>
      </c>
      <c r="N144" s="138">
        <v>0.23415066078490063</v>
      </c>
      <c r="O144" s="92">
        <v>2.809310437425791E-2</v>
      </c>
      <c r="P144" s="138">
        <v>0.45490930215004616</v>
      </c>
      <c r="Q144" s="92">
        <v>3.2979567351216849E-2</v>
      </c>
      <c r="R144" s="138">
        <v>6.0650352849923254E-2</v>
      </c>
      <c r="S144" s="92">
        <v>1.6040163869103563E-2</v>
      </c>
      <c r="T144" s="137">
        <v>906</v>
      </c>
      <c r="U144" s="138">
        <v>0.39699062457276901</v>
      </c>
      <c r="V144" s="92">
        <v>3.2444857461449476E-2</v>
      </c>
      <c r="W144" s="138">
        <v>0.24311134138671836</v>
      </c>
      <c r="X144" s="92">
        <v>2.8484589206783199E-2</v>
      </c>
      <c r="Y144" s="138">
        <v>0.29930625077923112</v>
      </c>
      <c r="Z144" s="92">
        <v>3.038762999770965E-2</v>
      </c>
      <c r="AA144" s="138">
        <v>6.059178326128168E-2</v>
      </c>
      <c r="AB144" s="92">
        <v>1.6051303930600395E-2</v>
      </c>
      <c r="AC144" s="137">
        <v>913</v>
      </c>
      <c r="AD144" s="138">
        <v>0.23061941127660865</v>
      </c>
      <c r="AE144" s="92">
        <v>2.7869910438796393E-2</v>
      </c>
      <c r="AF144" s="138">
        <v>0.27197767802915329</v>
      </c>
      <c r="AG144" s="92">
        <v>2.9422536322131314E-2</v>
      </c>
      <c r="AH144" s="138">
        <v>0.45097723482919611</v>
      </c>
      <c r="AI144" s="92">
        <v>3.286519100714283E-2</v>
      </c>
      <c r="AJ144" s="138">
        <v>4.6425675865042162E-2</v>
      </c>
      <c r="AK144" s="92">
        <v>1.4174673565096897E-2</v>
      </c>
    </row>
    <row r="145" spans="1:37">
      <c r="A145" s="47" t="s">
        <v>584</v>
      </c>
      <c r="B145" s="139">
        <v>311</v>
      </c>
      <c r="C145" s="140">
        <v>0.45309933350865328</v>
      </c>
      <c r="D145" s="95">
        <v>5.6101476933281255E-2</v>
      </c>
      <c r="E145" s="140">
        <v>0.19930491349805837</v>
      </c>
      <c r="F145" s="95">
        <v>4.5336723053231297E-2</v>
      </c>
      <c r="G145" s="140">
        <v>0.32456428453222863</v>
      </c>
      <c r="H145" s="95">
        <v>5.2854877983188012E-2</v>
      </c>
      <c r="I145" s="140">
        <v>2.3031468461059346E-2</v>
      </c>
      <c r="J145" s="95">
        <v>1.8937520548960078E-2</v>
      </c>
      <c r="K145" s="139">
        <v>305</v>
      </c>
      <c r="L145" s="140">
        <v>0.42132531704394927</v>
      </c>
      <c r="M145" s="95">
        <v>5.6197698684629822E-2</v>
      </c>
      <c r="N145" s="140">
        <v>0.18963362946627554</v>
      </c>
      <c r="O145" s="95">
        <v>4.4959598475099338E-2</v>
      </c>
      <c r="P145" s="140">
        <v>0.35260748014199578</v>
      </c>
      <c r="Q145" s="95">
        <v>5.4426608364244025E-2</v>
      </c>
      <c r="R145" s="140">
        <v>3.6433573347779129E-2</v>
      </c>
      <c r="S145" s="95">
        <v>2.2934761032742695E-2</v>
      </c>
      <c r="T145" s="139">
        <v>309</v>
      </c>
      <c r="U145" s="140">
        <v>0.55632955249032723</v>
      </c>
      <c r="V145" s="95">
        <v>5.6172664303763581E-2</v>
      </c>
      <c r="W145" s="140">
        <v>0.13963055373007427</v>
      </c>
      <c r="X145" s="95">
        <v>3.9716554062176279E-2</v>
      </c>
      <c r="Y145" s="140">
        <v>0.2324606178531099</v>
      </c>
      <c r="Z145" s="95">
        <v>4.7993668579148517E-2</v>
      </c>
      <c r="AA145" s="140">
        <v>7.1579275926488328E-2</v>
      </c>
      <c r="AB145" s="95">
        <v>3.0147016940128675E-2</v>
      </c>
      <c r="AC145" s="139">
        <v>308</v>
      </c>
      <c r="AD145" s="140">
        <v>0.4130538752660185</v>
      </c>
      <c r="AE145" s="95">
        <v>5.5773461831261313E-2</v>
      </c>
      <c r="AF145" s="140">
        <v>0.16906928712839808</v>
      </c>
      <c r="AG145" s="95">
        <v>4.2858584274853194E-2</v>
      </c>
      <c r="AH145" s="140">
        <v>0.35068047233124033</v>
      </c>
      <c r="AI145" s="95">
        <v>5.4097693497557518E-2</v>
      </c>
      <c r="AJ145" s="140">
        <v>6.7196365274343098E-2</v>
      </c>
      <c r="AK145" s="95">
        <v>2.9407237010307816E-2</v>
      </c>
    </row>
    <row r="146" spans="1:37">
      <c r="A146" s="55" t="s">
        <v>587</v>
      </c>
      <c r="B146" s="137">
        <v>13095</v>
      </c>
      <c r="C146" s="138">
        <v>0.36123117229652268</v>
      </c>
      <c r="D146" s="92">
        <v>8.3943381074418899E-3</v>
      </c>
      <c r="E146" s="138">
        <v>0.23911696436277352</v>
      </c>
      <c r="F146" s="92">
        <v>7.4546055166155017E-3</v>
      </c>
      <c r="G146" s="138">
        <v>0.3869493698393211</v>
      </c>
      <c r="H146" s="92">
        <v>8.5112493071629863E-3</v>
      </c>
      <c r="I146" s="138">
        <v>1.2702493501404698E-2</v>
      </c>
      <c r="J146" s="92">
        <v>1.9682293832310625E-3</v>
      </c>
      <c r="K146" s="137">
        <v>13025</v>
      </c>
      <c r="L146" s="138">
        <v>0.31688045440782869</v>
      </c>
      <c r="M146" s="92">
        <v>8.1525070996746104E-3</v>
      </c>
      <c r="N146" s="138">
        <v>0.23545531454352089</v>
      </c>
      <c r="O146" s="92">
        <v>7.43501689509666E-3</v>
      </c>
      <c r="P146" s="138">
        <v>0.38539649864338865</v>
      </c>
      <c r="Q146" s="92">
        <v>8.5277260991584742E-3</v>
      </c>
      <c r="R146" s="138">
        <v>6.2267732405284042E-2</v>
      </c>
      <c r="S146" s="92">
        <v>4.2382096149405548E-3</v>
      </c>
      <c r="T146" s="137">
        <v>13061</v>
      </c>
      <c r="U146" s="138">
        <v>0.49337660422705581</v>
      </c>
      <c r="V146" s="92">
        <v>8.7479684589135964E-3</v>
      </c>
      <c r="W146" s="138">
        <v>0.19899393902444978</v>
      </c>
      <c r="X146" s="92">
        <v>6.986966644601798E-3</v>
      </c>
      <c r="Y146" s="138">
        <v>0.21187662029798568</v>
      </c>
      <c r="Z146" s="92">
        <v>7.1512176206473604E-3</v>
      </c>
      <c r="AA146" s="138">
        <v>9.5752836450530024E-2</v>
      </c>
      <c r="AB146" s="92">
        <v>5.1516394286906381E-3</v>
      </c>
      <c r="AC146" s="137">
        <v>13038</v>
      </c>
      <c r="AD146" s="138">
        <v>0.30782284627402917</v>
      </c>
      <c r="AE146" s="92">
        <v>8.0842555979404249E-3</v>
      </c>
      <c r="AF146" s="138">
        <v>0.2512870177195714</v>
      </c>
      <c r="AG146" s="92">
        <v>7.5970395647864961E-3</v>
      </c>
      <c r="AH146" s="138">
        <v>0.36603925964030443</v>
      </c>
      <c r="AI146" s="92">
        <v>8.4365175183298297E-3</v>
      </c>
      <c r="AJ146" s="138">
        <v>7.4850876366117633E-2</v>
      </c>
      <c r="AK146" s="92">
        <v>4.6122151453194815E-3</v>
      </c>
    </row>
    <row r="147" spans="1:37">
      <c r="R147" s="244"/>
      <c r="S147" s="244"/>
      <c r="T147" s="244"/>
      <c r="U147" s="244"/>
      <c r="V147" s="244"/>
      <c r="W147" s="244"/>
      <c r="X147" s="244"/>
      <c r="Y147" s="244"/>
      <c r="Z147" s="244"/>
      <c r="AA147" s="244"/>
      <c r="AB147" s="244"/>
      <c r="AC147" s="244"/>
      <c r="AD147" s="244"/>
      <c r="AE147" s="244"/>
    </row>
  </sheetData>
  <mergeCells count="23">
    <mergeCell ref="K121:S121"/>
    <mergeCell ref="B121:J121"/>
    <mergeCell ref="T121:AB121"/>
    <mergeCell ref="I34:Q34"/>
    <mergeCell ref="A120:AK120"/>
    <mergeCell ref="A119:AK119"/>
    <mergeCell ref="AC121:AK121"/>
    <mergeCell ref="B34:H34"/>
    <mergeCell ref="A90:D90"/>
    <mergeCell ref="A91:D91"/>
    <mergeCell ref="A92:D92"/>
    <mergeCell ref="B63:H63"/>
    <mergeCell ref="I63:J63"/>
    <mergeCell ref="K63:L63"/>
    <mergeCell ref="M63:N63"/>
    <mergeCell ref="O63:P63"/>
    <mergeCell ref="A61:P61"/>
    <mergeCell ref="A62:P62"/>
    <mergeCell ref="A3:D3"/>
    <mergeCell ref="A4:D4"/>
    <mergeCell ref="A5:D5"/>
    <mergeCell ref="A32:Q32"/>
    <mergeCell ref="A33:Q3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B175"/>
  <sheetViews>
    <sheetView zoomScaleNormal="100" workbookViewId="0"/>
  </sheetViews>
  <sheetFormatPr defaultColWidth="16.5703125" defaultRowHeight="15"/>
  <cols>
    <col min="1" max="1" width="57.140625" customWidth="1"/>
  </cols>
  <sheetData>
    <row r="1" spans="1:15" ht="31.5">
      <c r="A1" s="31" t="s">
        <v>40</v>
      </c>
    </row>
    <row r="3" spans="1:15" ht="18.75">
      <c r="A3" s="337" t="s">
        <v>3</v>
      </c>
      <c r="B3" s="337"/>
      <c r="C3" s="337"/>
      <c r="D3" s="337"/>
      <c r="E3" s="337"/>
      <c r="F3" s="337"/>
      <c r="G3" s="337"/>
      <c r="H3" s="337"/>
      <c r="I3" s="337"/>
      <c r="J3" s="337"/>
      <c r="K3" s="337"/>
      <c r="L3" s="337"/>
      <c r="M3" s="337"/>
      <c r="N3" s="337"/>
      <c r="O3" s="337"/>
    </row>
    <row r="4" spans="1:15" ht="42" customHeight="1">
      <c r="A4" s="358" t="s">
        <v>358</v>
      </c>
      <c r="B4" s="358"/>
      <c r="C4" s="358"/>
      <c r="D4" s="358"/>
      <c r="E4" s="358"/>
      <c r="F4" s="358"/>
      <c r="G4" s="358"/>
      <c r="H4" s="358"/>
      <c r="I4" s="358"/>
      <c r="J4" s="358"/>
      <c r="K4" s="358"/>
      <c r="L4" s="358"/>
      <c r="M4" s="358"/>
      <c r="N4" s="358"/>
      <c r="O4" s="358"/>
    </row>
    <row r="5" spans="1:15" ht="15.75">
      <c r="A5" s="389" t="s">
        <v>115</v>
      </c>
      <c r="B5" s="389"/>
      <c r="C5" s="389"/>
      <c r="D5" s="389"/>
      <c r="E5" s="382" t="s">
        <v>31</v>
      </c>
      <c r="F5" s="382"/>
      <c r="G5" s="382"/>
      <c r="H5" s="382"/>
      <c r="I5" s="382"/>
      <c r="J5" s="382"/>
      <c r="K5" s="382"/>
      <c r="L5" s="382"/>
      <c r="M5" s="382"/>
      <c r="N5" s="382"/>
      <c r="O5" s="382"/>
    </row>
    <row r="6" spans="1:15" ht="72">
      <c r="A6" s="35" t="s">
        <v>70</v>
      </c>
      <c r="B6" s="36" t="s">
        <v>71</v>
      </c>
      <c r="C6" s="37" t="s">
        <v>550</v>
      </c>
      <c r="D6" s="38" t="s">
        <v>72</v>
      </c>
      <c r="E6" s="63" t="s">
        <v>71</v>
      </c>
      <c r="F6" s="63" t="s">
        <v>306</v>
      </c>
      <c r="G6" s="86" t="s">
        <v>142</v>
      </c>
      <c r="H6" s="63" t="s">
        <v>307</v>
      </c>
      <c r="I6" s="86" t="s">
        <v>197</v>
      </c>
      <c r="J6" s="63" t="s">
        <v>308</v>
      </c>
      <c r="K6" s="86" t="s">
        <v>199</v>
      </c>
      <c r="L6" s="63" t="s">
        <v>309</v>
      </c>
      <c r="M6" s="86" t="s">
        <v>200</v>
      </c>
      <c r="N6" s="63" t="s">
        <v>310</v>
      </c>
      <c r="O6" s="86" t="s">
        <v>203</v>
      </c>
    </row>
    <row r="7" spans="1:15" ht="84">
      <c r="A7" s="39"/>
      <c r="B7" s="40" t="s">
        <v>73</v>
      </c>
      <c r="C7" s="41" t="s">
        <v>117</v>
      </c>
      <c r="D7" s="42" t="s">
        <v>75</v>
      </c>
      <c r="E7" s="66" t="s">
        <v>73</v>
      </c>
      <c r="F7" s="66" t="s">
        <v>198</v>
      </c>
      <c r="G7" s="88" t="s">
        <v>87</v>
      </c>
      <c r="H7" s="66" t="s">
        <v>196</v>
      </c>
      <c r="I7" s="88" t="s">
        <v>87</v>
      </c>
      <c r="J7" s="66" t="s">
        <v>178</v>
      </c>
      <c r="K7" s="88" t="s">
        <v>87</v>
      </c>
      <c r="L7" s="66" t="s">
        <v>201</v>
      </c>
      <c r="M7" s="88" t="s">
        <v>87</v>
      </c>
      <c r="N7" s="66" t="s">
        <v>202</v>
      </c>
      <c r="O7" s="88" t="s">
        <v>87</v>
      </c>
    </row>
    <row r="8" spans="1:15">
      <c r="A8" s="43" t="s">
        <v>348</v>
      </c>
      <c r="B8" s="141">
        <v>13292</v>
      </c>
      <c r="C8" s="142">
        <v>3.2157016365461688</v>
      </c>
      <c r="D8" s="128">
        <v>1.7780956282388603E-2</v>
      </c>
      <c r="E8" s="120">
        <v>13292</v>
      </c>
      <c r="F8" s="143">
        <v>6.2783561717994235E-2</v>
      </c>
      <c r="G8" s="92">
        <v>4.2114959915721759E-3</v>
      </c>
      <c r="H8" s="144">
        <v>0.17780663032393992</v>
      </c>
      <c r="I8" s="92">
        <v>6.6332015775098967E-3</v>
      </c>
      <c r="J8" s="144">
        <v>0.3416360823384445</v>
      </c>
      <c r="K8" s="92">
        <v>8.2261937645276111E-3</v>
      </c>
      <c r="L8" s="144">
        <v>0.31647206093319324</v>
      </c>
      <c r="M8" s="92">
        <v>8.0674383547051955E-3</v>
      </c>
      <c r="N8" s="144">
        <v>0.10130166468644919</v>
      </c>
      <c r="O8" s="92">
        <v>5.2361578177108868E-3</v>
      </c>
    </row>
    <row r="9" spans="1:15">
      <c r="A9" s="47" t="s">
        <v>349</v>
      </c>
      <c r="B9" s="145">
        <v>9796</v>
      </c>
      <c r="C9" s="146">
        <v>3.1677388723754865</v>
      </c>
      <c r="D9" s="130">
        <v>2.0622751460591306E-2</v>
      </c>
      <c r="E9" s="123">
        <v>9796</v>
      </c>
      <c r="F9" s="147">
        <v>6.6599940263533552E-2</v>
      </c>
      <c r="G9" s="95">
        <v>5.0433909924152802E-3</v>
      </c>
      <c r="H9" s="148">
        <v>0.19702726166794071</v>
      </c>
      <c r="I9" s="95">
        <v>8.0377283107085015E-3</v>
      </c>
      <c r="J9" s="148">
        <v>0.33133051246887235</v>
      </c>
      <c r="K9" s="95">
        <v>9.5099051097896903E-3</v>
      </c>
      <c r="L9" s="148">
        <v>0.31211855662881605</v>
      </c>
      <c r="M9" s="95">
        <v>9.3618717216014669E-3</v>
      </c>
      <c r="N9" s="148">
        <v>9.2923728970839517E-2</v>
      </c>
      <c r="O9" s="95">
        <v>5.8701651861999176E-3</v>
      </c>
    </row>
    <row r="10" spans="1:15">
      <c r="A10" s="43" t="s">
        <v>350</v>
      </c>
      <c r="B10" s="52">
        <v>3496</v>
      </c>
      <c r="C10" s="53">
        <v>3.2554944223628399</v>
      </c>
      <c r="D10" s="54">
        <v>3.5091350706499054E-2</v>
      </c>
      <c r="E10" s="81">
        <v>3496</v>
      </c>
      <c r="F10" s="96">
        <v>5.9617265181835959E-2</v>
      </c>
      <c r="G10" s="92">
        <v>8.036067128565123E-3</v>
      </c>
      <c r="H10" s="96">
        <v>0.16186004176594918</v>
      </c>
      <c r="I10" s="92">
        <v>1.246354981528444E-2</v>
      </c>
      <c r="J10" s="96">
        <v>0.35018620119896093</v>
      </c>
      <c r="K10" s="92">
        <v>1.6128310418774845E-2</v>
      </c>
      <c r="L10" s="96">
        <v>0.32008398921403775</v>
      </c>
      <c r="M10" s="92">
        <v>1.5773546564941746E-2</v>
      </c>
      <c r="N10" s="96">
        <v>0.10825250263921539</v>
      </c>
      <c r="O10" s="92">
        <v>1.0522600304761372E-2</v>
      </c>
    </row>
    <row r="11" spans="1:15">
      <c r="A11" s="47" t="s">
        <v>574</v>
      </c>
      <c r="B11" s="145">
        <v>4703</v>
      </c>
      <c r="C11" s="146">
        <v>3.2365840372974946</v>
      </c>
      <c r="D11" s="130">
        <v>3.0308139950195555E-2</v>
      </c>
      <c r="E11" s="123">
        <v>4703</v>
      </c>
      <c r="F11" s="147">
        <v>6.0510281239577121E-2</v>
      </c>
      <c r="G11" s="95">
        <v>6.9705701241407677E-3</v>
      </c>
      <c r="H11" s="148">
        <v>0.17145774689768722</v>
      </c>
      <c r="I11" s="95">
        <v>1.0994460023210424E-2</v>
      </c>
      <c r="J11" s="148">
        <v>0.34360239671556103</v>
      </c>
      <c r="K11" s="95">
        <v>1.3845526873683489E-2</v>
      </c>
      <c r="L11" s="148">
        <v>0.31979680362002477</v>
      </c>
      <c r="M11" s="95">
        <v>1.359782208914331E-2</v>
      </c>
      <c r="N11" s="148">
        <v>0.10463277152715227</v>
      </c>
      <c r="O11" s="95">
        <v>8.9352563299106257E-3</v>
      </c>
    </row>
    <row r="12" spans="1:15">
      <c r="A12" s="43" t="s">
        <v>575</v>
      </c>
      <c r="B12" s="52">
        <v>4931</v>
      </c>
      <c r="C12" s="53">
        <v>3.1738876069881345</v>
      </c>
      <c r="D12" s="54">
        <v>2.9302755375001387E-2</v>
      </c>
      <c r="E12" s="81">
        <v>4931</v>
      </c>
      <c r="F12" s="96">
        <v>7.3940860460263158E-2</v>
      </c>
      <c r="G12" s="92">
        <v>7.4658429525747468E-3</v>
      </c>
      <c r="H12" s="96">
        <v>0.17906746266795256</v>
      </c>
      <c r="I12" s="92">
        <v>1.0921816865465232E-2</v>
      </c>
      <c r="J12" s="96">
        <v>0.34035624634534917</v>
      </c>
      <c r="K12" s="92">
        <v>1.3491118173211464E-2</v>
      </c>
      <c r="L12" s="96">
        <v>0.31243407047625466</v>
      </c>
      <c r="M12" s="92">
        <v>1.3197157593210994E-2</v>
      </c>
      <c r="N12" s="96">
        <v>9.4201360050179511E-2</v>
      </c>
      <c r="O12" s="92">
        <v>8.3293065200394072E-3</v>
      </c>
    </row>
    <row r="13" spans="1:15">
      <c r="A13" s="47" t="s">
        <v>576</v>
      </c>
      <c r="B13" s="145">
        <v>3039</v>
      </c>
      <c r="C13" s="146">
        <v>3.1364862788621104</v>
      </c>
      <c r="D13" s="130">
        <v>3.6686386053806926E-2</v>
      </c>
      <c r="E13" s="123">
        <v>3039</v>
      </c>
      <c r="F13" s="147">
        <v>6.2426708816005386E-2</v>
      </c>
      <c r="G13" s="95">
        <v>8.8089710709132688E-3</v>
      </c>
      <c r="H13" s="148">
        <v>0.22010323264751733</v>
      </c>
      <c r="I13" s="95">
        <v>1.5030416076030473E-2</v>
      </c>
      <c r="J13" s="148">
        <v>0.33440171334587193</v>
      </c>
      <c r="K13" s="95">
        <v>1.7107621844317768E-2</v>
      </c>
      <c r="L13" s="148">
        <v>0.28469376123956147</v>
      </c>
      <c r="M13" s="95">
        <v>1.6366048338551507E-2</v>
      </c>
      <c r="N13" s="148">
        <v>9.8374583951039388E-2</v>
      </c>
      <c r="O13" s="95">
        <v>1.0823521415809743E-2</v>
      </c>
    </row>
    <row r="14" spans="1:15">
      <c r="A14" s="43" t="s">
        <v>577</v>
      </c>
      <c r="B14" s="52">
        <v>402</v>
      </c>
      <c r="C14" s="53">
        <v>3.188818165551631</v>
      </c>
      <c r="D14" s="54">
        <v>9.8556445188367495E-2</v>
      </c>
      <c r="E14" s="81">
        <v>402</v>
      </c>
      <c r="F14" s="96">
        <v>5.7387863816625299E-2</v>
      </c>
      <c r="G14" s="92">
        <v>2.3891315499259165E-2</v>
      </c>
      <c r="H14" s="96">
        <v>0.18759485607142906</v>
      </c>
      <c r="I14" s="92">
        <v>3.8991807370500273E-2</v>
      </c>
      <c r="J14" s="96">
        <v>0.32721518685776746</v>
      </c>
      <c r="K14" s="92">
        <v>4.6633544480975911E-2</v>
      </c>
      <c r="L14" s="96">
        <v>0.36441543725204384</v>
      </c>
      <c r="M14" s="92">
        <v>4.7806802490474261E-2</v>
      </c>
      <c r="N14" s="96">
        <v>6.3386656002134445E-2</v>
      </c>
      <c r="O14" s="92">
        <v>2.4934705677448564E-2</v>
      </c>
    </row>
    <row r="15" spans="1:15">
      <c r="A15" s="47" t="s">
        <v>578</v>
      </c>
      <c r="B15" s="145">
        <v>142</v>
      </c>
      <c r="C15" s="146">
        <v>3.3770450625721029</v>
      </c>
      <c r="D15" s="130">
        <v>0.1400929373099063</v>
      </c>
      <c r="E15" s="123">
        <v>142</v>
      </c>
      <c r="F15" s="147">
        <v>1.0488846531609232E-2</v>
      </c>
      <c r="G15" s="95">
        <v>2.5281373133277187E-2</v>
      </c>
      <c r="H15" s="148">
        <v>0.13960221294252453</v>
      </c>
      <c r="I15" s="95">
        <v>5.9017762127023046E-2</v>
      </c>
      <c r="J15" s="148">
        <v>0.34370852869734292</v>
      </c>
      <c r="K15" s="95">
        <v>7.8843195848108644E-2</v>
      </c>
      <c r="L15" s="148">
        <v>0.47477585507920017</v>
      </c>
      <c r="M15" s="95">
        <v>8.2660906324608652E-2</v>
      </c>
      <c r="N15" s="148">
        <v>3.1424556749322721E-2</v>
      </c>
      <c r="O15" s="95">
        <v>3.4043925785355998E-2</v>
      </c>
    </row>
    <row r="16" spans="1:15">
      <c r="A16" s="43" t="s">
        <v>581</v>
      </c>
      <c r="B16" s="52">
        <v>9399</v>
      </c>
      <c r="C16" s="53">
        <v>3.2179445712648183</v>
      </c>
      <c r="D16" s="54">
        <v>2.129844702646588E-2</v>
      </c>
      <c r="E16" s="81">
        <v>9399</v>
      </c>
      <c r="F16" s="96">
        <v>6.2332010397129121E-2</v>
      </c>
      <c r="G16" s="92">
        <v>4.9932281381965806E-3</v>
      </c>
      <c r="H16" s="96">
        <v>0.17762619764868723</v>
      </c>
      <c r="I16" s="92">
        <v>7.8852649593602886E-3</v>
      </c>
      <c r="J16" s="96">
        <v>0.34137123764764515</v>
      </c>
      <c r="K16" s="92">
        <v>9.7802793190252795E-3</v>
      </c>
      <c r="L16" s="96">
        <v>0.31710631890536328</v>
      </c>
      <c r="M16" s="92">
        <v>9.5985206251561449E-3</v>
      </c>
      <c r="N16" s="96">
        <v>0.10156423540119933</v>
      </c>
      <c r="O16" s="92">
        <v>6.2349331974426991E-3</v>
      </c>
    </row>
    <row r="17" spans="1:15">
      <c r="A17" s="47" t="s">
        <v>580</v>
      </c>
      <c r="B17" s="145">
        <v>3881</v>
      </c>
      <c r="C17" s="146">
        <v>3.1967080426135852</v>
      </c>
      <c r="D17" s="130">
        <v>3.2285943889223047E-2</v>
      </c>
      <c r="E17" s="123">
        <v>3881</v>
      </c>
      <c r="F17" s="147">
        <v>6.564644124779645E-2</v>
      </c>
      <c r="G17" s="95">
        <v>7.9719767402209336E-3</v>
      </c>
      <c r="H17" s="148">
        <v>0.17859668361742201</v>
      </c>
      <c r="I17" s="95">
        <v>1.2298832308943415E-2</v>
      </c>
      <c r="J17" s="148">
        <v>0.34347164045849676</v>
      </c>
      <c r="K17" s="95">
        <v>1.5238956360189295E-2</v>
      </c>
      <c r="L17" s="148">
        <v>0.31797286062597008</v>
      </c>
      <c r="M17" s="95">
        <v>1.4945092633781559E-2</v>
      </c>
      <c r="N17" s="148">
        <v>9.4312374050315118E-2</v>
      </c>
      <c r="O17" s="95">
        <v>9.3965290670419005E-3</v>
      </c>
    </row>
    <row r="18" spans="1:15">
      <c r="A18" s="43" t="s">
        <v>583</v>
      </c>
      <c r="B18" s="141">
        <v>891</v>
      </c>
      <c r="C18" s="142">
        <v>3.1626220587843132</v>
      </c>
      <c r="D18" s="128">
        <v>6.6626759721614595E-2</v>
      </c>
      <c r="E18" s="120">
        <v>891</v>
      </c>
      <c r="F18" s="143">
        <v>6.5482695949211397E-2</v>
      </c>
      <c r="G18" s="92">
        <v>1.6763699307042079E-2</v>
      </c>
      <c r="H18" s="144">
        <v>0.1942716770226231</v>
      </c>
      <c r="I18" s="92">
        <v>2.6519840561548436E-2</v>
      </c>
      <c r="J18" s="144">
        <v>0.33673806290598213</v>
      </c>
      <c r="K18" s="92">
        <v>3.1610991628176897E-2</v>
      </c>
      <c r="L18" s="144">
        <v>0.31915600053899956</v>
      </c>
      <c r="M18" s="92">
        <v>3.1184233646892129E-2</v>
      </c>
      <c r="N18" s="144">
        <v>8.4351563583180592E-2</v>
      </c>
      <c r="O18" s="92">
        <v>1.8763709451908833E-2</v>
      </c>
    </row>
    <row r="19" spans="1:15">
      <c r="A19" s="47" t="s">
        <v>582</v>
      </c>
      <c r="B19" s="145">
        <v>2990</v>
      </c>
      <c r="C19" s="146">
        <v>3.2089928616415486</v>
      </c>
      <c r="D19" s="130">
        <v>3.6903943541219807E-2</v>
      </c>
      <c r="E19" s="123">
        <v>2990</v>
      </c>
      <c r="F19" s="147">
        <v>6.5705456160491171E-2</v>
      </c>
      <c r="G19" s="95">
        <v>9.0932881463344547E-3</v>
      </c>
      <c r="H19" s="148">
        <v>0.17294731001530472</v>
      </c>
      <c r="I19" s="95">
        <v>1.383759966246478E-2</v>
      </c>
      <c r="J19" s="148">
        <v>0.34589846733424912</v>
      </c>
      <c r="K19" s="95">
        <v>1.7388489202946646E-2</v>
      </c>
      <c r="L19" s="148">
        <v>0.31754644900208651</v>
      </c>
      <c r="M19" s="95">
        <v>1.7018972150326866E-2</v>
      </c>
      <c r="N19" s="148">
        <v>9.7902317487870164E-2</v>
      </c>
      <c r="O19" s="95">
        <v>1.0888956894925512E-2</v>
      </c>
    </row>
    <row r="20" spans="1:15">
      <c r="A20" s="43" t="s">
        <v>568</v>
      </c>
      <c r="B20" s="52">
        <v>7858</v>
      </c>
      <c r="C20" s="53">
        <v>3.1936946668067017</v>
      </c>
      <c r="D20" s="54">
        <v>2.3353983331357714E-2</v>
      </c>
      <c r="E20" s="81">
        <v>7858</v>
      </c>
      <c r="F20" s="96">
        <v>6.9610282420424927E-2</v>
      </c>
      <c r="G20" s="92">
        <v>5.748618882615201E-3</v>
      </c>
      <c r="H20" s="96">
        <v>0.17634454078708536</v>
      </c>
      <c r="I20" s="92">
        <v>8.599565995886075E-3</v>
      </c>
      <c r="J20" s="96">
        <v>0.34055718103730948</v>
      </c>
      <c r="K20" s="92">
        <v>1.0689861372771434E-2</v>
      </c>
      <c r="L20" s="96">
        <v>0.31771621907570341</v>
      </c>
      <c r="M20" s="92">
        <v>1.0502665897491326E-2</v>
      </c>
      <c r="N20" s="96">
        <v>9.5771776679465029E-2</v>
      </c>
      <c r="O20" s="92">
        <v>6.6441233700870036E-3</v>
      </c>
    </row>
    <row r="21" spans="1:15">
      <c r="A21" s="47" t="s">
        <v>569</v>
      </c>
      <c r="B21" s="145">
        <v>5350</v>
      </c>
      <c r="C21" s="146">
        <v>3.2347938072601172</v>
      </c>
      <c r="D21" s="130">
        <v>2.7587617411681017E-2</v>
      </c>
      <c r="E21" s="123">
        <v>5350</v>
      </c>
      <c r="F21" s="147">
        <v>5.6159561350899875E-2</v>
      </c>
      <c r="G21" s="95">
        <v>6.3103585118160221E-3</v>
      </c>
      <c r="H21" s="148">
        <v>0.17851499926939457</v>
      </c>
      <c r="I21" s="95">
        <v>1.0472646731069703E-2</v>
      </c>
      <c r="J21" s="148">
        <v>0.34522202127687879</v>
      </c>
      <c r="K21" s="95">
        <v>1.299635187905592E-2</v>
      </c>
      <c r="L21" s="148">
        <v>0.31457890697437779</v>
      </c>
      <c r="M21" s="95">
        <v>1.2693636438515069E-2</v>
      </c>
      <c r="N21" s="148">
        <v>0.10552451112846725</v>
      </c>
      <c r="O21" s="95">
        <v>8.4078656981366687E-3</v>
      </c>
    </row>
    <row r="22" spans="1:15">
      <c r="A22" s="55" t="s">
        <v>570</v>
      </c>
      <c r="B22" s="141">
        <v>1633</v>
      </c>
      <c r="C22" s="142">
        <v>3.3991217323292404</v>
      </c>
      <c r="D22" s="128">
        <v>5.2081056207588183E-2</v>
      </c>
      <c r="E22" s="120">
        <v>1633</v>
      </c>
      <c r="F22" s="143">
        <v>4.5865682214926935E-2</v>
      </c>
      <c r="G22" s="92">
        <v>1.0459062663048493E-2</v>
      </c>
      <c r="H22" s="144">
        <v>0.14518927674511831</v>
      </c>
      <c r="I22" s="92">
        <v>1.7457432312799965E-2</v>
      </c>
      <c r="J22" s="144">
        <v>0.32633133185871072</v>
      </c>
      <c r="K22" s="92">
        <v>2.3184812142384801E-2</v>
      </c>
      <c r="L22" s="144">
        <v>0.32918504485827116</v>
      </c>
      <c r="M22" s="92">
        <v>2.3236305309713622E-2</v>
      </c>
      <c r="N22" s="144">
        <v>0.15342866432297567</v>
      </c>
      <c r="O22" s="92">
        <v>1.7855359718798303E-2</v>
      </c>
    </row>
    <row r="23" spans="1:15">
      <c r="A23" s="47" t="s">
        <v>571</v>
      </c>
      <c r="B23" s="145">
        <v>3535</v>
      </c>
      <c r="C23" s="146">
        <v>3.2182567567160842</v>
      </c>
      <c r="D23" s="130">
        <v>3.4984803715590054E-2</v>
      </c>
      <c r="E23" s="123">
        <v>3535</v>
      </c>
      <c r="F23" s="147">
        <v>6.2593762639263237E-2</v>
      </c>
      <c r="G23" s="95">
        <v>8.1735921947286485E-3</v>
      </c>
      <c r="H23" s="148">
        <v>0.17068396951531198</v>
      </c>
      <c r="I23" s="95">
        <v>1.2659648607892709E-2</v>
      </c>
      <c r="J23" s="148">
        <v>0.35002851255795892</v>
      </c>
      <c r="K23" s="95">
        <v>1.6037514889271551E-2</v>
      </c>
      <c r="L23" s="148">
        <v>0.31925925906500863</v>
      </c>
      <c r="M23" s="95">
        <v>1.5675668271787353E-2</v>
      </c>
      <c r="N23" s="148">
        <v>9.7434496222454967E-2</v>
      </c>
      <c r="O23" s="95">
        <v>9.9905095750529894E-3</v>
      </c>
    </row>
    <row r="24" spans="1:15">
      <c r="A24" s="55" t="s">
        <v>572</v>
      </c>
      <c r="B24" s="141">
        <v>4040</v>
      </c>
      <c r="C24" s="142">
        <v>3.1185024906804957</v>
      </c>
      <c r="D24" s="128">
        <v>3.2465874068965568E-2</v>
      </c>
      <c r="E24" s="120">
        <v>4040</v>
      </c>
      <c r="F24" s="143">
        <v>7.9582347142991103E-2</v>
      </c>
      <c r="G24" s="92">
        <v>8.5321571290282623E-3</v>
      </c>
      <c r="H24" s="144">
        <v>0.1932383361497198</v>
      </c>
      <c r="I24" s="92">
        <v>1.24251805220972E-2</v>
      </c>
      <c r="J24" s="144">
        <v>0.34019425871053632</v>
      </c>
      <c r="K24" s="92">
        <v>1.4902008311846104E-2</v>
      </c>
      <c r="L24" s="144">
        <v>0.30306459487732879</v>
      </c>
      <c r="M24" s="92">
        <v>1.4456631532618855E-2</v>
      </c>
      <c r="N24" s="144">
        <v>8.3920463119431798E-2</v>
      </c>
      <c r="O24" s="92">
        <v>8.7395621919645009E-3</v>
      </c>
    </row>
    <row r="25" spans="1:15">
      <c r="A25" s="47" t="s">
        <v>573</v>
      </c>
      <c r="B25" s="145">
        <v>3932</v>
      </c>
      <c r="C25" s="146">
        <v>3.1465396165254051</v>
      </c>
      <c r="D25" s="130">
        <v>3.1536743891411284E-2</v>
      </c>
      <c r="E25" s="123">
        <v>3932</v>
      </c>
      <c r="F25" s="147">
        <v>6.0391432313720787E-2</v>
      </c>
      <c r="G25" s="95">
        <v>7.6201023020917797E-3</v>
      </c>
      <c r="H25" s="148">
        <v>0.20066003573040184</v>
      </c>
      <c r="I25" s="95">
        <v>1.2774530683713583E-2</v>
      </c>
      <c r="J25" s="148">
        <v>0.34816598806830007</v>
      </c>
      <c r="K25" s="95">
        <v>1.5188291979926273E-2</v>
      </c>
      <c r="L25" s="148">
        <v>0.31358257089189784</v>
      </c>
      <c r="M25" s="95">
        <v>1.4792574606684334E-2</v>
      </c>
      <c r="N25" s="148">
        <v>7.7199972995675256E-2</v>
      </c>
      <c r="O25" s="95">
        <v>8.5303907686508865E-3</v>
      </c>
    </row>
    <row r="26" spans="1:15">
      <c r="A26" s="55" t="s">
        <v>579</v>
      </c>
      <c r="B26" s="141">
        <v>9438</v>
      </c>
      <c r="C26" s="142">
        <v>3.1971568568073216</v>
      </c>
      <c r="D26" s="128">
        <v>2.1409303142965113E-2</v>
      </c>
      <c r="E26" s="120">
        <v>9438</v>
      </c>
      <c r="F26" s="143">
        <v>6.7824029017449078E-2</v>
      </c>
      <c r="G26" s="92">
        <v>5.1818098682405861E-3</v>
      </c>
      <c r="H26" s="144">
        <v>0.18403155112706138</v>
      </c>
      <c r="I26" s="92">
        <v>7.9781663057221317E-3</v>
      </c>
      <c r="J26" s="144">
        <v>0.33033296298460707</v>
      </c>
      <c r="K26" s="92">
        <v>9.6811589575777866E-3</v>
      </c>
      <c r="L26" s="144">
        <v>0.31878644777252468</v>
      </c>
      <c r="M26" s="92">
        <v>9.5921812448813582E-3</v>
      </c>
      <c r="N26" s="144">
        <v>9.9025009098380204E-2</v>
      </c>
      <c r="O26" s="92">
        <v>6.1525909797555869E-3</v>
      </c>
    </row>
    <row r="27" spans="1:15">
      <c r="A27" s="47" t="s">
        <v>585</v>
      </c>
      <c r="B27" s="145">
        <v>1526</v>
      </c>
      <c r="C27" s="146">
        <v>3.2047628683506404</v>
      </c>
      <c r="D27" s="130">
        <v>5.219699793702965E-2</v>
      </c>
      <c r="E27" s="123">
        <v>1526</v>
      </c>
      <c r="F27" s="147">
        <v>5.6578599204201788E-2</v>
      </c>
      <c r="G27" s="95">
        <v>1.1926157236689971E-2</v>
      </c>
      <c r="H27" s="148">
        <v>0.17357588700875329</v>
      </c>
      <c r="I27" s="95">
        <v>1.9403099845412407E-2</v>
      </c>
      <c r="J27" s="148">
        <v>0.36945747275106461</v>
      </c>
      <c r="K27" s="95">
        <v>2.4683493847443342E-2</v>
      </c>
      <c r="L27" s="148">
        <v>0.30928012830417095</v>
      </c>
      <c r="M27" s="95">
        <v>2.3643090888544622E-2</v>
      </c>
      <c r="N27" s="148">
        <v>9.1107912731811874E-2</v>
      </c>
      <c r="O27" s="95">
        <v>1.4790946587139399E-2</v>
      </c>
    </row>
    <row r="28" spans="1:15">
      <c r="A28" s="55" t="s">
        <v>586</v>
      </c>
      <c r="B28" s="141">
        <v>905</v>
      </c>
      <c r="C28" s="142">
        <v>3.3406463583675596</v>
      </c>
      <c r="D28" s="128">
        <v>6.5753718731147007E-2</v>
      </c>
      <c r="E28" s="120">
        <v>905</v>
      </c>
      <c r="F28" s="143">
        <v>4.1341798094385089E-2</v>
      </c>
      <c r="G28" s="92">
        <v>1.3510375442761383E-2</v>
      </c>
      <c r="H28" s="144">
        <v>0.12922707355865157</v>
      </c>
      <c r="I28" s="92">
        <v>2.2371466834183236E-2</v>
      </c>
      <c r="J28" s="144">
        <v>0.39343684379278082</v>
      </c>
      <c r="K28" s="92">
        <v>3.2412632101179221E-2</v>
      </c>
      <c r="L28" s="144">
        <v>0.31943154099338189</v>
      </c>
      <c r="M28" s="92">
        <v>3.0949858499267111E-2</v>
      </c>
      <c r="N28" s="144">
        <v>0.11656274356080081</v>
      </c>
      <c r="O28" s="92">
        <v>2.1420096375249026E-2</v>
      </c>
    </row>
    <row r="29" spans="1:15">
      <c r="A29" s="47" t="s">
        <v>584</v>
      </c>
      <c r="B29" s="145">
        <v>302</v>
      </c>
      <c r="C29" s="146">
        <v>3.1249391771514476</v>
      </c>
      <c r="D29" s="130">
        <v>0.1264333577402332</v>
      </c>
      <c r="E29" s="123">
        <v>302</v>
      </c>
      <c r="F29" s="147">
        <v>6.4652137834369794E-2</v>
      </c>
      <c r="G29" s="95">
        <v>2.9237550303327618E-2</v>
      </c>
      <c r="H29" s="148">
        <v>0.24057027790338634</v>
      </c>
      <c r="I29" s="95">
        <v>4.9102306797582825E-2</v>
      </c>
      <c r="J29" s="148">
        <v>0.33419130723603901</v>
      </c>
      <c r="K29" s="95">
        <v>5.4017854515608296E-2</v>
      </c>
      <c r="L29" s="148">
        <v>0.22635882332883678</v>
      </c>
      <c r="M29" s="95">
        <v>4.811007874194758E-2</v>
      </c>
      <c r="N29" s="148">
        <v>0.13422745369736805</v>
      </c>
      <c r="O29" s="95">
        <v>3.9553942535831811E-2</v>
      </c>
    </row>
    <row r="30" spans="1:15">
      <c r="A30" s="55" t="s">
        <v>587</v>
      </c>
      <c r="B30" s="141">
        <v>12807</v>
      </c>
      <c r="C30" s="142">
        <v>3.2178551628941516</v>
      </c>
      <c r="D30" s="128">
        <v>1.8071288337303929E-2</v>
      </c>
      <c r="E30" s="120">
        <v>12807</v>
      </c>
      <c r="F30" s="143">
        <v>6.305439970491844E-2</v>
      </c>
      <c r="G30" s="92">
        <v>4.2992338649220935E-3</v>
      </c>
      <c r="H30" s="144">
        <v>0.17405210299946405</v>
      </c>
      <c r="I30" s="92">
        <v>6.7012314506258693E-3</v>
      </c>
      <c r="J30" s="144">
        <v>0.34417096393326957</v>
      </c>
      <c r="K30" s="92">
        <v>8.3952860754278914E-3</v>
      </c>
      <c r="L30" s="144">
        <v>0.31942900142128261</v>
      </c>
      <c r="M30" s="92">
        <v>8.2391556063884878E-3</v>
      </c>
      <c r="N30" s="144">
        <v>9.9293531941087282E-2</v>
      </c>
      <c r="O30" s="92">
        <v>5.287299064437671E-3</v>
      </c>
    </row>
    <row r="32" spans="1:15" ht="18.75">
      <c r="A32" s="337" t="s">
        <v>204</v>
      </c>
      <c r="B32" s="337"/>
      <c r="C32" s="337"/>
      <c r="D32" s="337"/>
      <c r="E32" s="337"/>
      <c r="F32" s="337"/>
      <c r="G32" s="337"/>
      <c r="H32" s="337"/>
      <c r="I32" s="337"/>
      <c r="J32" s="233"/>
      <c r="K32" s="233"/>
    </row>
    <row r="33" spans="1:11" ht="81" customHeight="1">
      <c r="A33" s="342" t="s">
        <v>205</v>
      </c>
      <c r="B33" s="342"/>
      <c r="C33" s="342"/>
      <c r="D33" s="342"/>
      <c r="E33" s="342"/>
      <c r="F33" s="342"/>
      <c r="G33" s="342"/>
      <c r="H33" s="342"/>
      <c r="I33" s="342"/>
      <c r="J33" s="233"/>
      <c r="K33" s="233"/>
    </row>
    <row r="34" spans="1:11" ht="30" customHeight="1">
      <c r="A34" s="382" t="s">
        <v>204</v>
      </c>
      <c r="B34" s="382"/>
      <c r="C34" s="382"/>
      <c r="D34" s="382"/>
      <c r="E34" s="344" t="s">
        <v>206</v>
      </c>
      <c r="F34" s="345"/>
      <c r="G34" s="345"/>
      <c r="H34" s="345"/>
      <c r="I34" s="346"/>
    </row>
    <row r="35" spans="1:11" ht="72">
      <c r="A35" s="35" t="s">
        <v>70</v>
      </c>
      <c r="B35" s="36" t="s">
        <v>71</v>
      </c>
      <c r="C35" s="37" t="s">
        <v>550</v>
      </c>
      <c r="D35" s="38" t="s">
        <v>72</v>
      </c>
      <c r="E35" s="36" t="s">
        <v>71</v>
      </c>
      <c r="F35" s="36" t="s">
        <v>211</v>
      </c>
      <c r="G35" s="87" t="s">
        <v>208</v>
      </c>
      <c r="H35" s="36" t="s">
        <v>212</v>
      </c>
      <c r="I35" s="87" t="s">
        <v>210</v>
      </c>
    </row>
    <row r="36" spans="1:11" ht="84">
      <c r="A36" s="39"/>
      <c r="B36" s="40" t="s">
        <v>73</v>
      </c>
      <c r="C36" s="41" t="s">
        <v>288</v>
      </c>
      <c r="D36" s="42" t="s">
        <v>75</v>
      </c>
      <c r="E36" s="40" t="s">
        <v>73</v>
      </c>
      <c r="F36" s="40" t="s">
        <v>207</v>
      </c>
      <c r="G36" s="89" t="s">
        <v>87</v>
      </c>
      <c r="H36" s="40" t="s">
        <v>209</v>
      </c>
      <c r="I36" s="89" t="s">
        <v>87</v>
      </c>
    </row>
    <row r="37" spans="1:11">
      <c r="A37" s="43" t="s">
        <v>348</v>
      </c>
      <c r="B37" s="149">
        <v>13544</v>
      </c>
      <c r="C37" s="82">
        <v>12.519755301226652</v>
      </c>
      <c r="D37" s="83">
        <v>8.8934485141396194E-2</v>
      </c>
      <c r="E37" s="81">
        <v>13544</v>
      </c>
      <c r="F37" s="96">
        <v>0.84765803633467895</v>
      </c>
      <c r="G37" s="92">
        <v>6.1763582944921926E-3</v>
      </c>
      <c r="H37" s="96">
        <v>0.15234196366532649</v>
      </c>
      <c r="I37" s="92">
        <v>6.176358294492282E-3</v>
      </c>
    </row>
    <row r="38" spans="1:11">
      <c r="A38" s="47" t="s">
        <v>349</v>
      </c>
      <c r="B38" s="47">
        <v>10035</v>
      </c>
      <c r="C38" s="151">
        <v>11.796030889239407</v>
      </c>
      <c r="D38" s="152">
        <v>9.6483580813808797E-2</v>
      </c>
      <c r="E38" s="123">
        <v>10035</v>
      </c>
      <c r="F38" s="153">
        <v>0.88018330311680648</v>
      </c>
      <c r="G38" s="95">
        <v>6.4858513470029038E-3</v>
      </c>
      <c r="H38" s="153">
        <v>0.11981669688318362</v>
      </c>
      <c r="I38" s="95">
        <v>6.4858513470026739E-3</v>
      </c>
    </row>
    <row r="39" spans="1:11">
      <c r="A39" s="43" t="s">
        <v>350</v>
      </c>
      <c r="B39" s="51">
        <v>3509</v>
      </c>
      <c r="C39" s="82">
        <v>13.132194826746412</v>
      </c>
      <c r="D39" s="83">
        <v>0.19636422728631525</v>
      </c>
      <c r="E39" s="81">
        <v>3509</v>
      </c>
      <c r="F39" s="96">
        <v>0.82013408021889012</v>
      </c>
      <c r="G39" s="92">
        <v>1.2970325643831033E-2</v>
      </c>
      <c r="H39" s="96">
        <v>0.1798659197811093</v>
      </c>
      <c r="I39" s="92">
        <v>1.2970325643831018E-2</v>
      </c>
    </row>
    <row r="40" spans="1:11">
      <c r="A40" s="47" t="s">
        <v>574</v>
      </c>
      <c r="B40" s="47">
        <v>4756</v>
      </c>
      <c r="C40" s="151">
        <v>12.892431554499552</v>
      </c>
      <c r="D40" s="152">
        <v>0.16562705321292959</v>
      </c>
      <c r="E40" s="123">
        <v>4756</v>
      </c>
      <c r="F40" s="153">
        <v>0.83112769756237126</v>
      </c>
      <c r="G40" s="95">
        <v>1.0867368807814585E-2</v>
      </c>
      <c r="H40" s="153">
        <v>0.16887230243762871</v>
      </c>
      <c r="I40" s="95">
        <v>1.0867368807814583E-2</v>
      </c>
    </row>
    <row r="41" spans="1:11">
      <c r="A41" s="43" t="s">
        <v>575</v>
      </c>
      <c r="B41" s="51">
        <v>5055</v>
      </c>
      <c r="C41" s="82">
        <v>11.7204640899285</v>
      </c>
      <c r="D41" s="83">
        <v>0.13412643108004552</v>
      </c>
      <c r="E41" s="81">
        <v>5055</v>
      </c>
      <c r="F41" s="96">
        <v>0.87972591219034313</v>
      </c>
      <c r="G41" s="92">
        <v>9.1563976903982474E-3</v>
      </c>
      <c r="H41" s="96">
        <v>0.12027408780965676</v>
      </c>
      <c r="I41" s="92">
        <v>9.1563976903982422E-3</v>
      </c>
    </row>
    <row r="42" spans="1:11">
      <c r="A42" s="47" t="s">
        <v>576</v>
      </c>
      <c r="B42" s="47">
        <v>3102</v>
      </c>
      <c r="C42" s="151">
        <v>11.535533750379029</v>
      </c>
      <c r="D42" s="152">
        <v>0.16971947845899185</v>
      </c>
      <c r="E42" s="123">
        <v>3102</v>
      </c>
      <c r="F42" s="153">
        <v>0.89233668094451912</v>
      </c>
      <c r="G42" s="95">
        <v>1.1146056037603689E-2</v>
      </c>
      <c r="H42" s="153">
        <v>0.10766331905547513</v>
      </c>
      <c r="I42" s="95">
        <v>1.1146056037603432E-2</v>
      </c>
    </row>
    <row r="43" spans="1:11">
      <c r="A43" s="43" t="s">
        <v>577</v>
      </c>
      <c r="B43" s="51">
        <v>409</v>
      </c>
      <c r="C43" s="82">
        <v>11.926001891901418</v>
      </c>
      <c r="D43" s="83">
        <v>0.48564558914425798</v>
      </c>
      <c r="E43" s="81">
        <v>409</v>
      </c>
      <c r="F43" s="96">
        <v>0.89668344557197599</v>
      </c>
      <c r="G43" s="92">
        <v>3.0440761413447082E-2</v>
      </c>
      <c r="H43" s="96">
        <v>0.10331655442802369</v>
      </c>
      <c r="I43" s="92">
        <v>3.0440761413447034E-2</v>
      </c>
    </row>
    <row r="44" spans="1:11">
      <c r="A44" s="47" t="s">
        <v>578</v>
      </c>
      <c r="B44" s="47">
        <v>144</v>
      </c>
      <c r="C44" s="151">
        <v>10.285288434398124</v>
      </c>
      <c r="D44" s="152">
        <v>0.65728336795968423</v>
      </c>
      <c r="E44" s="123">
        <v>144</v>
      </c>
      <c r="F44" s="153">
        <v>0.9403733387390244</v>
      </c>
      <c r="G44" s="95">
        <v>4.2366578032236417E-2</v>
      </c>
      <c r="H44" s="153">
        <v>5.9626661260975655E-2</v>
      </c>
      <c r="I44" s="95">
        <v>4.2366578032236445E-2</v>
      </c>
    </row>
    <row r="45" spans="1:11">
      <c r="A45" s="43" t="s">
        <v>581</v>
      </c>
      <c r="B45" s="51">
        <v>9548</v>
      </c>
      <c r="C45" s="82">
        <v>12.613623190598538</v>
      </c>
      <c r="D45" s="83">
        <v>0.10903780021391991</v>
      </c>
      <c r="E45" s="81">
        <v>9548</v>
      </c>
      <c r="F45" s="96">
        <v>0.8442140637642338</v>
      </c>
      <c r="G45" s="92">
        <v>7.4239835492035606E-3</v>
      </c>
      <c r="H45" s="96">
        <v>0.15578593623577056</v>
      </c>
      <c r="I45" s="92">
        <v>7.4239835492036447E-3</v>
      </c>
    </row>
    <row r="46" spans="1:11">
      <c r="A46" s="47" t="s">
        <v>580</v>
      </c>
      <c r="B46" s="47">
        <v>3983</v>
      </c>
      <c r="C46" s="151">
        <v>11.620241973397619</v>
      </c>
      <c r="D46" s="152">
        <v>0.14915937444208988</v>
      </c>
      <c r="E46" s="123">
        <v>3983</v>
      </c>
      <c r="F46" s="153">
        <v>0.88475044628174615</v>
      </c>
      <c r="G46" s="95">
        <v>1.0129038348101485E-2</v>
      </c>
      <c r="H46" s="153">
        <v>0.11524955371825339</v>
      </c>
      <c r="I46" s="95">
        <v>1.0129038348101469E-2</v>
      </c>
    </row>
    <row r="47" spans="1:11">
      <c r="A47" s="43" t="s">
        <v>583</v>
      </c>
      <c r="B47" s="149">
        <v>917</v>
      </c>
      <c r="C47" s="82">
        <v>11.746271348910087</v>
      </c>
      <c r="D47" s="83">
        <v>0.31462451356744392</v>
      </c>
      <c r="E47" s="81">
        <v>917</v>
      </c>
      <c r="F47" s="96">
        <v>0.87957169331313845</v>
      </c>
      <c r="G47" s="92">
        <v>2.1574714253608136E-2</v>
      </c>
      <c r="H47" s="96">
        <v>0.12042830668686051</v>
      </c>
      <c r="I47" s="92">
        <v>2.157471425360805E-2</v>
      </c>
    </row>
    <row r="48" spans="1:11">
      <c r="A48" s="47" t="s">
        <v>582</v>
      </c>
      <c r="B48" s="150">
        <v>3066</v>
      </c>
      <c r="C48" s="151">
        <v>11.574446127576019</v>
      </c>
      <c r="D48" s="152">
        <v>0.1693731408731908</v>
      </c>
      <c r="E48" s="123">
        <v>3066</v>
      </c>
      <c r="F48" s="153">
        <v>0.88663227241580389</v>
      </c>
      <c r="G48" s="95">
        <v>1.1466124492592171E-2</v>
      </c>
      <c r="H48" s="153">
        <v>0.11336772758419476</v>
      </c>
      <c r="I48" s="95">
        <v>1.1466124492592111E-2</v>
      </c>
    </row>
    <row r="49" spans="1:9">
      <c r="A49" s="43" t="s">
        <v>568</v>
      </c>
      <c r="B49" s="81">
        <v>8049</v>
      </c>
      <c r="C49" s="82">
        <v>12.941252776050083</v>
      </c>
      <c r="D49" s="83">
        <v>0.11753818996112435</v>
      </c>
      <c r="E49" s="81">
        <v>8049</v>
      </c>
      <c r="F49" s="96">
        <v>0.8285994513550865</v>
      </c>
      <c r="G49" s="92">
        <v>8.4022089094725038E-3</v>
      </c>
      <c r="H49" s="96">
        <v>0.17140054864490867</v>
      </c>
      <c r="I49" s="92">
        <v>8.4022089094724067E-3</v>
      </c>
    </row>
    <row r="50" spans="1:9">
      <c r="A50" s="47" t="s">
        <v>569</v>
      </c>
      <c r="B50" s="150">
        <v>5416</v>
      </c>
      <c r="C50" s="151">
        <v>12.083016221210301</v>
      </c>
      <c r="D50" s="152">
        <v>0.13445720467038932</v>
      </c>
      <c r="E50" s="123">
        <v>5416</v>
      </c>
      <c r="F50" s="153">
        <v>0.86750249716497652</v>
      </c>
      <c r="G50" s="95">
        <v>9.2181910939346089E-3</v>
      </c>
      <c r="H50" s="153">
        <v>0.13249750283503009</v>
      </c>
      <c r="I50" s="95">
        <v>9.218191093934805E-3</v>
      </c>
    </row>
    <row r="51" spans="1:9">
      <c r="A51" s="55" t="s">
        <v>570</v>
      </c>
      <c r="B51" s="149">
        <v>1654</v>
      </c>
      <c r="C51" s="82">
        <v>15.137211971473791</v>
      </c>
      <c r="D51" s="83">
        <v>0.27936359871589422</v>
      </c>
      <c r="E51" s="81">
        <v>1654</v>
      </c>
      <c r="F51" s="96">
        <v>0.73375763705092412</v>
      </c>
      <c r="G51" s="92">
        <v>2.1724267515846059E-2</v>
      </c>
      <c r="H51" s="96">
        <v>0.26624236294907405</v>
      </c>
      <c r="I51" s="92">
        <v>2.172426751584601E-2</v>
      </c>
    </row>
    <row r="52" spans="1:9">
      <c r="A52" s="47" t="s">
        <v>571</v>
      </c>
      <c r="B52" s="150">
        <v>3646</v>
      </c>
      <c r="C52" s="151">
        <v>13.360430509845932</v>
      </c>
      <c r="D52" s="152">
        <v>0.17404246649328911</v>
      </c>
      <c r="E52" s="123">
        <v>3646</v>
      </c>
      <c r="F52" s="153">
        <v>0.82418676179716288</v>
      </c>
      <c r="G52" s="95">
        <v>1.2611504509527808E-2</v>
      </c>
      <c r="H52" s="153">
        <v>0.17581323820283959</v>
      </c>
      <c r="I52" s="95">
        <v>1.2611504509527881E-2</v>
      </c>
    </row>
    <row r="53" spans="1:9">
      <c r="A53" s="55" t="s">
        <v>572</v>
      </c>
      <c r="B53" s="149">
        <v>4128</v>
      </c>
      <c r="C53" s="82">
        <v>11.818610468915576</v>
      </c>
      <c r="D53" s="83">
        <v>0.15378623246925957</v>
      </c>
      <c r="E53" s="81">
        <v>4128</v>
      </c>
      <c r="F53" s="96">
        <v>0.87664480446546134</v>
      </c>
      <c r="G53" s="92">
        <v>1.0244504450864821E-2</v>
      </c>
      <c r="H53" s="96">
        <v>0.12335519553453983</v>
      </c>
      <c r="I53" s="92">
        <v>1.0244504450864863E-2</v>
      </c>
    </row>
    <row r="54" spans="1:9">
      <c r="A54" s="47" t="s">
        <v>573</v>
      </c>
      <c r="B54" s="150">
        <v>3972</v>
      </c>
      <c r="C54" s="151">
        <v>9.517683822940274</v>
      </c>
      <c r="D54" s="152">
        <v>0.12061167472458664</v>
      </c>
      <c r="E54" s="123">
        <v>3972</v>
      </c>
      <c r="F54" s="153">
        <v>0.95778145217626676</v>
      </c>
      <c r="G54" s="95">
        <v>6.4112567318054016E-3</v>
      </c>
      <c r="H54" s="153">
        <v>4.2218547823732307E-2</v>
      </c>
      <c r="I54" s="95">
        <v>6.4112567318053331E-3</v>
      </c>
    </row>
    <row r="55" spans="1:9">
      <c r="A55" s="55" t="s">
        <v>579</v>
      </c>
      <c r="B55" s="149">
        <v>9644</v>
      </c>
      <c r="C55" s="82">
        <v>12.555622196038062</v>
      </c>
      <c r="D55" s="83">
        <v>0.10722668851164507</v>
      </c>
      <c r="E55" s="81">
        <v>9644</v>
      </c>
      <c r="F55" s="96">
        <v>0.84364505453674965</v>
      </c>
      <c r="G55" s="92">
        <v>7.3978946998610722E-3</v>
      </c>
      <c r="H55" s="96">
        <v>0.15635494546327014</v>
      </c>
      <c r="I55" s="92">
        <v>7.3978946998614539E-3</v>
      </c>
    </row>
    <row r="56" spans="1:9">
      <c r="A56" s="47" t="s">
        <v>585</v>
      </c>
      <c r="B56" s="150">
        <v>1551</v>
      </c>
      <c r="C56" s="151">
        <v>12.091251502170671</v>
      </c>
      <c r="D56" s="152">
        <v>0.2546838197052666</v>
      </c>
      <c r="E56" s="123">
        <v>1551</v>
      </c>
      <c r="F56" s="153">
        <v>0.86696254684647645</v>
      </c>
      <c r="G56" s="95">
        <v>1.7276297574297363E-2</v>
      </c>
      <c r="H56" s="153">
        <v>0.13303745315352483</v>
      </c>
      <c r="I56" s="95">
        <v>1.7276297574297432E-2</v>
      </c>
    </row>
    <row r="57" spans="1:9">
      <c r="A57" s="55" t="s">
        <v>586</v>
      </c>
      <c r="B57" s="149">
        <v>914</v>
      </c>
      <c r="C57" s="82">
        <v>13.084720345776603</v>
      </c>
      <c r="D57" s="83">
        <v>0.35463712770659772</v>
      </c>
      <c r="E57" s="81">
        <v>914</v>
      </c>
      <c r="F57" s="96">
        <v>0.83913960761295925</v>
      </c>
      <c r="G57" s="92">
        <v>2.4341833781782594E-2</v>
      </c>
      <c r="H57" s="96">
        <v>0.16086039238704081</v>
      </c>
      <c r="I57" s="92">
        <v>2.4341833781782597E-2</v>
      </c>
    </row>
    <row r="58" spans="1:9">
      <c r="A58" s="47" t="s">
        <v>584</v>
      </c>
      <c r="B58" s="150">
        <v>306</v>
      </c>
      <c r="C58" s="151">
        <v>15.013903223888855</v>
      </c>
      <c r="D58" s="152">
        <v>0.69980243157386801</v>
      </c>
      <c r="E58" s="123">
        <v>306</v>
      </c>
      <c r="F58" s="153">
        <v>0.72822975129945688</v>
      </c>
      <c r="G58" s="95">
        <v>5.0704295902817435E-2</v>
      </c>
      <c r="H58" s="153">
        <v>0.27177024870054373</v>
      </c>
      <c r="I58" s="95">
        <v>5.070429590281747E-2</v>
      </c>
    </row>
    <row r="59" spans="1:9">
      <c r="A59" s="55" t="s">
        <v>587</v>
      </c>
      <c r="B59" s="149">
        <v>13066</v>
      </c>
      <c r="C59" s="82">
        <v>12.469955064685889</v>
      </c>
      <c r="D59" s="83">
        <v>8.9911911738809316E-2</v>
      </c>
      <c r="E59" s="81">
        <v>13066</v>
      </c>
      <c r="F59" s="96">
        <v>0.85005977193711491</v>
      </c>
      <c r="G59" s="92">
        <v>6.2474637811223525E-3</v>
      </c>
      <c r="H59" s="96">
        <v>0.14994022806289067</v>
      </c>
      <c r="I59" s="92">
        <v>6.2474637811224479E-3</v>
      </c>
    </row>
    <row r="61" spans="1:9" ht="18.75">
      <c r="A61" s="337" t="s">
        <v>351</v>
      </c>
      <c r="B61" s="337"/>
      <c r="C61" s="337"/>
      <c r="D61" s="337"/>
    </row>
    <row r="62" spans="1:9" ht="97.5" customHeight="1">
      <c r="A62" s="358" t="s">
        <v>379</v>
      </c>
      <c r="B62" s="358"/>
      <c r="C62" s="358"/>
      <c r="D62" s="358"/>
    </row>
    <row r="63" spans="1:9" ht="36" customHeight="1">
      <c r="A63" s="390" t="s">
        <v>118</v>
      </c>
      <c r="B63" s="382"/>
      <c r="C63" s="382"/>
      <c r="D63" s="382"/>
    </row>
    <row r="64" spans="1:9" ht="72">
      <c r="A64" s="35" t="s">
        <v>70</v>
      </c>
      <c r="B64" s="36" t="s">
        <v>71</v>
      </c>
      <c r="C64" s="37" t="s">
        <v>550</v>
      </c>
      <c r="D64" s="38" t="s">
        <v>72</v>
      </c>
    </row>
    <row r="65" spans="1:4" ht="84">
      <c r="A65" s="39"/>
      <c r="B65" s="40" t="s">
        <v>73</v>
      </c>
      <c r="C65" s="41" t="s">
        <v>119</v>
      </c>
      <c r="D65" s="42" t="s">
        <v>75</v>
      </c>
    </row>
    <row r="66" spans="1:4">
      <c r="A66" s="43" t="s">
        <v>348</v>
      </c>
      <c r="B66" s="154">
        <v>10264</v>
      </c>
      <c r="C66" s="82">
        <v>5.3006208479915813</v>
      </c>
      <c r="D66" s="83">
        <v>2.6719251846929002E-2</v>
      </c>
    </row>
    <row r="67" spans="1:4">
      <c r="A67" s="47" t="s">
        <v>349</v>
      </c>
      <c r="B67" s="47">
        <v>8119</v>
      </c>
      <c r="C67" s="156">
        <v>5.3656834675598448</v>
      </c>
      <c r="D67" s="157">
        <v>2.9672117658980486E-2</v>
      </c>
    </row>
    <row r="68" spans="1:4">
      <c r="A68" s="43" t="s">
        <v>350</v>
      </c>
      <c r="B68" s="51">
        <v>2145</v>
      </c>
      <c r="C68" s="82">
        <v>5.2304402162232035</v>
      </c>
      <c r="D68" s="83">
        <v>6.035898468368902E-2</v>
      </c>
    </row>
    <row r="69" spans="1:4">
      <c r="A69" s="47" t="s">
        <v>574</v>
      </c>
      <c r="B69" s="47">
        <v>3066</v>
      </c>
      <c r="C69" s="156">
        <v>5.2570651772453756</v>
      </c>
      <c r="D69" s="157">
        <v>5.0468329989079408E-2</v>
      </c>
    </row>
    <row r="70" spans="1:4">
      <c r="A70" s="43" t="s">
        <v>575</v>
      </c>
      <c r="B70" s="51">
        <v>4135</v>
      </c>
      <c r="C70" s="82">
        <v>5.3811391849995056</v>
      </c>
      <c r="D70" s="83">
        <v>4.1600170038212043E-2</v>
      </c>
    </row>
    <row r="71" spans="1:4">
      <c r="A71" s="47" t="s">
        <v>576</v>
      </c>
      <c r="B71" s="47">
        <v>2535</v>
      </c>
      <c r="C71" s="156">
        <v>5.368030316733182</v>
      </c>
      <c r="D71" s="157">
        <v>5.1995427873203874E-2</v>
      </c>
    </row>
    <row r="72" spans="1:4">
      <c r="A72" s="43" t="s">
        <v>577</v>
      </c>
      <c r="B72" s="51">
        <v>337</v>
      </c>
      <c r="C72" s="82">
        <v>5.1649585000127169</v>
      </c>
      <c r="D72" s="83">
        <v>0.15458735621190267</v>
      </c>
    </row>
    <row r="73" spans="1:4">
      <c r="A73" s="47" t="s">
        <v>578</v>
      </c>
      <c r="B73" s="47">
        <v>131</v>
      </c>
      <c r="C73" s="156">
        <v>5.5890231745036223</v>
      </c>
      <c r="D73" s="157">
        <v>0.22869451733114338</v>
      </c>
    </row>
    <row r="74" spans="1:4">
      <c r="A74" s="43" t="s">
        <v>581</v>
      </c>
      <c r="B74" s="51">
        <v>6977</v>
      </c>
      <c r="C74" s="82">
        <v>5.2903348622069624</v>
      </c>
      <c r="D74" s="83">
        <v>3.2636945347155381E-2</v>
      </c>
    </row>
    <row r="75" spans="1:4">
      <c r="A75" s="47" t="s">
        <v>580</v>
      </c>
      <c r="B75" s="47">
        <v>3281</v>
      </c>
      <c r="C75" s="156">
        <v>5.3766929222666802</v>
      </c>
      <c r="D75" s="157">
        <v>4.6443735866711029E-2</v>
      </c>
    </row>
    <row r="76" spans="1:4">
      <c r="A76" s="43" t="s">
        <v>583</v>
      </c>
      <c r="B76" s="154">
        <v>771</v>
      </c>
      <c r="C76" s="82">
        <v>5.3049969041947795</v>
      </c>
      <c r="D76" s="83">
        <v>9.9697858630712372E-2</v>
      </c>
    </row>
    <row r="77" spans="1:4">
      <c r="A77" s="47" t="s">
        <v>582</v>
      </c>
      <c r="B77" s="155">
        <v>2510</v>
      </c>
      <c r="C77" s="156">
        <v>5.4035413580139373</v>
      </c>
      <c r="D77" s="157">
        <v>5.242089934480855E-2</v>
      </c>
    </row>
    <row r="78" spans="1:4">
      <c r="A78" s="43" t="s">
        <v>568</v>
      </c>
      <c r="B78" s="81">
        <v>5983</v>
      </c>
      <c r="C78" s="82">
        <v>5.249258980818003</v>
      </c>
      <c r="D78" s="83">
        <v>3.5799812479723164E-2</v>
      </c>
    </row>
    <row r="79" spans="1:4">
      <c r="A79" s="47" t="s">
        <v>569</v>
      </c>
      <c r="B79" s="155">
        <v>4212</v>
      </c>
      <c r="C79" s="156">
        <v>5.3581815798365531</v>
      </c>
      <c r="D79" s="157">
        <v>4.0068177248005155E-2</v>
      </c>
    </row>
    <row r="80" spans="1:4">
      <c r="A80" s="55" t="s">
        <v>570</v>
      </c>
      <c r="B80" s="154">
        <v>1006</v>
      </c>
      <c r="C80" s="82">
        <v>5.1665682897061833</v>
      </c>
      <c r="D80" s="83">
        <v>9.0128222662544458E-2</v>
      </c>
    </row>
    <row r="81" spans="1:26">
      <c r="A81" s="47" t="s">
        <v>571</v>
      </c>
      <c r="B81" s="155">
        <v>2692</v>
      </c>
      <c r="C81" s="156">
        <v>5.1720298400465001</v>
      </c>
      <c r="D81" s="157">
        <v>5.2802786235296773E-2</v>
      </c>
    </row>
    <row r="82" spans="1:26">
      <c r="A82" s="55" t="s">
        <v>572</v>
      </c>
      <c r="B82" s="154">
        <v>3315</v>
      </c>
      <c r="C82" s="82">
        <v>5.2177039312276152</v>
      </c>
      <c r="D82" s="83">
        <v>4.8589514568116499E-2</v>
      </c>
    </row>
    <row r="83" spans="1:26">
      <c r="A83" s="47" t="s">
        <v>573</v>
      </c>
      <c r="B83" s="155">
        <v>3126</v>
      </c>
      <c r="C83" s="156">
        <v>5.7233038671627519</v>
      </c>
      <c r="D83" s="157">
        <v>4.258569893790836E-2</v>
      </c>
    </row>
    <row r="84" spans="1:26">
      <c r="A84" s="55" t="s">
        <v>579</v>
      </c>
      <c r="B84" s="154">
        <v>7257</v>
      </c>
      <c r="C84" s="82">
        <v>5.2705321635261999</v>
      </c>
      <c r="D84" s="83">
        <v>3.2435447882277486E-2</v>
      </c>
    </row>
    <row r="85" spans="1:26">
      <c r="A85" s="47" t="s">
        <v>585</v>
      </c>
      <c r="B85" s="155">
        <v>1125</v>
      </c>
      <c r="C85" s="156">
        <v>5.3792483200015715</v>
      </c>
      <c r="D85" s="157">
        <v>7.8060437024894916E-2</v>
      </c>
    </row>
    <row r="86" spans="1:26">
      <c r="A86" s="55" t="s">
        <v>586</v>
      </c>
      <c r="B86" s="154">
        <v>558</v>
      </c>
      <c r="C86" s="82">
        <v>5.4259869278499941</v>
      </c>
      <c r="D86" s="83">
        <v>0.10788451178598191</v>
      </c>
    </row>
    <row r="87" spans="1:26">
      <c r="A87" s="47" t="s">
        <v>584</v>
      </c>
      <c r="B87" s="155">
        <v>199</v>
      </c>
      <c r="C87" s="156">
        <v>5.0065894150700743</v>
      </c>
      <c r="D87" s="157">
        <v>0.20062751014757318</v>
      </c>
    </row>
    <row r="88" spans="1:26">
      <c r="A88" s="55" t="s">
        <v>587</v>
      </c>
      <c r="B88" s="154">
        <v>9931</v>
      </c>
      <c r="C88" s="82">
        <v>5.3104581843802077</v>
      </c>
      <c r="D88" s="83">
        <v>2.7054083449993663E-2</v>
      </c>
    </row>
    <row r="90" spans="1:26" ht="18.75">
      <c r="A90" s="337" t="s">
        <v>352</v>
      </c>
      <c r="B90" s="337"/>
      <c r="C90" s="337"/>
      <c r="D90" s="337"/>
      <c r="E90" s="337"/>
      <c r="F90" s="337"/>
      <c r="G90" s="337"/>
      <c r="H90" s="337"/>
      <c r="I90" s="337"/>
      <c r="J90" s="337"/>
      <c r="K90" s="337"/>
      <c r="L90" s="337"/>
      <c r="M90" s="337"/>
      <c r="N90" s="337"/>
      <c r="O90" s="337"/>
      <c r="P90" s="337"/>
      <c r="Q90" s="337"/>
      <c r="R90" s="337"/>
      <c r="S90" s="337"/>
      <c r="T90" s="337"/>
      <c r="U90" s="337"/>
      <c r="V90" s="337"/>
    </row>
    <row r="91" spans="1:26" ht="58.5" customHeight="1">
      <c r="A91" s="342" t="s">
        <v>566</v>
      </c>
      <c r="B91" s="342"/>
      <c r="C91" s="342"/>
      <c r="D91" s="342"/>
      <c r="E91" s="342"/>
      <c r="F91" s="342"/>
      <c r="G91" s="342"/>
      <c r="H91" s="342"/>
      <c r="I91" s="342"/>
      <c r="J91" s="342"/>
      <c r="K91" s="342"/>
      <c r="L91" s="342"/>
      <c r="M91" s="342"/>
      <c r="N91" s="342"/>
      <c r="O91" s="342"/>
      <c r="P91" s="342"/>
      <c r="Q91" s="342"/>
      <c r="R91" s="342"/>
      <c r="S91" s="342"/>
      <c r="T91" s="342"/>
      <c r="U91" s="342"/>
      <c r="V91" s="342"/>
    </row>
    <row r="92" spans="1:26" ht="38.25" customHeight="1">
      <c r="A92" s="62" t="s">
        <v>70</v>
      </c>
      <c r="B92" s="343" t="s">
        <v>289</v>
      </c>
      <c r="C92" s="343"/>
      <c r="D92" s="343"/>
      <c r="E92" s="343"/>
      <c r="F92" s="343"/>
      <c r="G92" s="343"/>
      <c r="H92" s="343"/>
      <c r="I92" s="383" t="s">
        <v>213</v>
      </c>
      <c r="J92" s="384"/>
      <c r="K92" s="384"/>
      <c r="L92" s="384"/>
      <c r="M92" s="384"/>
      <c r="N92" s="384"/>
      <c r="O92" s="385"/>
      <c r="P92" s="392" t="s">
        <v>229</v>
      </c>
      <c r="Q92" s="393"/>
      <c r="R92" s="393"/>
      <c r="S92" s="393"/>
      <c r="T92" s="393"/>
      <c r="U92" s="393"/>
      <c r="V92" s="394"/>
    </row>
    <row r="93" spans="1:26" ht="72">
      <c r="A93" s="35" t="s">
        <v>70</v>
      </c>
      <c r="B93" s="36" t="s">
        <v>71</v>
      </c>
      <c r="C93" s="36" t="s">
        <v>155</v>
      </c>
      <c r="D93" s="87" t="s">
        <v>84</v>
      </c>
      <c r="E93" s="36" t="s">
        <v>156</v>
      </c>
      <c r="F93" s="87" t="s">
        <v>85</v>
      </c>
      <c r="G93" s="36" t="s">
        <v>157</v>
      </c>
      <c r="H93" s="87" t="s">
        <v>86</v>
      </c>
      <c r="I93" s="63" t="s">
        <v>71</v>
      </c>
      <c r="J93" s="63" t="s">
        <v>155</v>
      </c>
      <c r="K93" s="86" t="s">
        <v>84</v>
      </c>
      <c r="L93" s="63" t="s">
        <v>156</v>
      </c>
      <c r="M93" s="86" t="s">
        <v>85</v>
      </c>
      <c r="N93" s="63" t="s">
        <v>157</v>
      </c>
      <c r="O93" s="86" t="s">
        <v>86</v>
      </c>
      <c r="P93" s="36" t="s">
        <v>71</v>
      </c>
      <c r="Q93" s="36" t="s">
        <v>155</v>
      </c>
      <c r="R93" s="87" t="s">
        <v>84</v>
      </c>
      <c r="S93" s="36" t="s">
        <v>156</v>
      </c>
      <c r="T93" s="87" t="s">
        <v>85</v>
      </c>
      <c r="U93" s="36" t="s">
        <v>157</v>
      </c>
      <c r="V93" s="87" t="s">
        <v>86</v>
      </c>
      <c r="Z93" s="269"/>
    </row>
    <row r="94" spans="1:26" ht="72">
      <c r="A94" s="39"/>
      <c r="B94" s="40" t="s">
        <v>73</v>
      </c>
      <c r="C94" s="40" t="s">
        <v>158</v>
      </c>
      <c r="D94" s="89" t="s">
        <v>87</v>
      </c>
      <c r="E94" s="40" t="s">
        <v>159</v>
      </c>
      <c r="F94" s="89" t="s">
        <v>87</v>
      </c>
      <c r="G94" s="40" t="s">
        <v>160</v>
      </c>
      <c r="H94" s="89" t="s">
        <v>87</v>
      </c>
      <c r="I94" s="66" t="s">
        <v>73</v>
      </c>
      <c r="J94" s="66" t="s">
        <v>158</v>
      </c>
      <c r="K94" s="88" t="s">
        <v>87</v>
      </c>
      <c r="L94" s="66" t="s">
        <v>159</v>
      </c>
      <c r="M94" s="88" t="s">
        <v>87</v>
      </c>
      <c r="N94" s="66" t="s">
        <v>160</v>
      </c>
      <c r="O94" s="88" t="s">
        <v>87</v>
      </c>
      <c r="P94" s="40" t="s">
        <v>73</v>
      </c>
      <c r="Q94" s="40" t="s">
        <v>158</v>
      </c>
      <c r="R94" s="89" t="s">
        <v>87</v>
      </c>
      <c r="S94" s="40" t="s">
        <v>159</v>
      </c>
      <c r="T94" s="89" t="s">
        <v>87</v>
      </c>
      <c r="U94" s="40" t="s">
        <v>160</v>
      </c>
      <c r="V94" s="89" t="s">
        <v>87</v>
      </c>
    </row>
    <row r="95" spans="1:26">
      <c r="A95" s="43" t="s">
        <v>348</v>
      </c>
      <c r="B95" s="154">
        <v>10489</v>
      </c>
      <c r="C95" s="158">
        <v>0.14565470592678445</v>
      </c>
      <c r="D95" s="92">
        <v>6.8901089120470905E-3</v>
      </c>
      <c r="E95" s="158">
        <v>0.11374187917114803</v>
      </c>
      <c r="F95" s="92">
        <v>6.2024792183501959E-3</v>
      </c>
      <c r="G95" s="158">
        <v>0.74060341490207637</v>
      </c>
      <c r="H95" s="92">
        <v>8.5586450335398603E-3</v>
      </c>
      <c r="I95" s="154">
        <v>8312</v>
      </c>
      <c r="J95" s="158">
        <v>0.17744309172835074</v>
      </c>
      <c r="K95" s="92">
        <v>8.3817383862121574E-3</v>
      </c>
      <c r="L95" s="158">
        <v>0.12725743355485764</v>
      </c>
      <c r="M95" s="92">
        <v>7.313386375707615E-3</v>
      </c>
      <c r="N95" s="158">
        <v>0.69529947471679554</v>
      </c>
      <c r="O95" s="92">
        <v>1.0095617870299223E-2</v>
      </c>
      <c r="P95" s="154">
        <v>9626</v>
      </c>
      <c r="Q95" s="158">
        <v>0.11803423183595713</v>
      </c>
      <c r="R95" s="92">
        <v>6.5795974512955092E-3</v>
      </c>
      <c r="S95" s="158">
        <v>9.8303118975524198E-2</v>
      </c>
      <c r="T95" s="92">
        <v>6.0723788117061752E-3</v>
      </c>
      <c r="U95" s="158">
        <v>0.7836626491885258</v>
      </c>
      <c r="V95" s="92">
        <v>8.3933003107519218E-3</v>
      </c>
    </row>
    <row r="96" spans="1:26">
      <c r="A96" s="47" t="s">
        <v>349</v>
      </c>
      <c r="B96" s="155">
        <v>8304</v>
      </c>
      <c r="C96" s="159">
        <v>0.14117205369926639</v>
      </c>
      <c r="D96" s="95">
        <v>7.6441833036109364E-3</v>
      </c>
      <c r="E96" s="159">
        <v>0.10912478663506393</v>
      </c>
      <c r="F96" s="95">
        <v>6.8466823336989779E-3</v>
      </c>
      <c r="G96" s="159">
        <v>0.74970315966567358</v>
      </c>
      <c r="H96" s="95">
        <v>9.5065635720665183E-3</v>
      </c>
      <c r="I96" s="155">
        <v>6561</v>
      </c>
      <c r="J96" s="159">
        <v>0.18181338833319408</v>
      </c>
      <c r="K96" s="95">
        <v>9.5242702048950346E-3</v>
      </c>
      <c r="L96" s="159">
        <v>0.11615278684473487</v>
      </c>
      <c r="M96" s="95">
        <v>7.9158101162414458E-3</v>
      </c>
      <c r="N96" s="159">
        <v>0.70203382482207477</v>
      </c>
      <c r="O96" s="95">
        <v>1.1290852762469328E-2</v>
      </c>
      <c r="P96" s="155">
        <v>7483</v>
      </c>
      <c r="Q96" s="159">
        <v>0.1084955098102466</v>
      </c>
      <c r="R96" s="95">
        <v>7.1946720727196229E-3</v>
      </c>
      <c r="S96" s="159">
        <v>9.3708972906481808E-2</v>
      </c>
      <c r="T96" s="95">
        <v>6.7429649963781906E-3</v>
      </c>
      <c r="U96" s="159">
        <v>0.79779551728327425</v>
      </c>
      <c r="V96" s="95">
        <v>9.2863435419072611E-3</v>
      </c>
    </row>
    <row r="97" spans="1:22">
      <c r="A97" s="43" t="s">
        <v>350</v>
      </c>
      <c r="B97" s="154">
        <v>2185</v>
      </c>
      <c r="C97" s="158">
        <v>0.15051110979782892</v>
      </c>
      <c r="D97" s="92">
        <v>1.5311803847051563E-2</v>
      </c>
      <c r="E97" s="158">
        <v>0.11874393262681573</v>
      </c>
      <c r="F97" s="92">
        <v>1.3863166707576252E-2</v>
      </c>
      <c r="G97" s="158">
        <v>0.73074495757535696</v>
      </c>
      <c r="H97" s="92">
        <v>1.897083291588551E-2</v>
      </c>
      <c r="I97" s="154">
        <v>1751</v>
      </c>
      <c r="J97" s="158">
        <v>0.17304257853131097</v>
      </c>
      <c r="K97" s="92">
        <v>1.809034547158658E-2</v>
      </c>
      <c r="L97" s="158">
        <v>0.13843885871080203</v>
      </c>
      <c r="M97" s="92">
        <v>1.6528919048341806E-2</v>
      </c>
      <c r="N97" s="158">
        <v>0.68851856275788648</v>
      </c>
      <c r="O97" s="92">
        <v>2.2117148296631313E-2</v>
      </c>
      <c r="P97" s="154">
        <v>2143</v>
      </c>
      <c r="Q97" s="158">
        <v>0.12820596607496557</v>
      </c>
      <c r="R97" s="92">
        <v>1.4463469709951262E-2</v>
      </c>
      <c r="S97" s="158">
        <v>0.10320214347204745</v>
      </c>
      <c r="T97" s="92">
        <v>1.317275053546128E-2</v>
      </c>
      <c r="U97" s="158">
        <v>0.76859189045298848</v>
      </c>
      <c r="V97" s="92">
        <v>1.821708124947044E-2</v>
      </c>
    </row>
    <row r="98" spans="1:22">
      <c r="A98" s="47" t="s">
        <v>574</v>
      </c>
      <c r="B98" s="155">
        <v>3129</v>
      </c>
      <c r="C98" s="159">
        <v>0.14839194900454544</v>
      </c>
      <c r="D98" s="95">
        <v>1.271792515512264E-2</v>
      </c>
      <c r="E98" s="159">
        <v>0.12061631737315028</v>
      </c>
      <c r="F98" s="95">
        <v>1.1657157559416176E-2</v>
      </c>
      <c r="G98" s="159">
        <v>0.73099173362230407</v>
      </c>
      <c r="H98" s="95">
        <v>1.585036064208754E-2</v>
      </c>
      <c r="I98" s="155">
        <v>2474</v>
      </c>
      <c r="J98" s="159">
        <v>0.17380318842481429</v>
      </c>
      <c r="K98" s="95">
        <v>1.5242928196124789E-2</v>
      </c>
      <c r="L98" s="159">
        <v>0.13729008918218458</v>
      </c>
      <c r="M98" s="95">
        <v>1.3851856721767595E-2</v>
      </c>
      <c r="N98" s="159">
        <v>0.68890672239300332</v>
      </c>
      <c r="O98" s="95">
        <v>1.8604648740906331E-2</v>
      </c>
      <c r="P98" s="155">
        <v>3050</v>
      </c>
      <c r="Q98" s="159">
        <v>0.12266730168719142</v>
      </c>
      <c r="R98" s="95">
        <v>1.1893037649260597E-2</v>
      </c>
      <c r="S98" s="159">
        <v>0.10603079998761848</v>
      </c>
      <c r="T98" s="95">
        <v>1.1166102148676178E-2</v>
      </c>
      <c r="U98" s="159">
        <v>0.77130189832518936</v>
      </c>
      <c r="V98" s="95">
        <v>1.5208137379754466E-2</v>
      </c>
    </row>
    <row r="99" spans="1:22">
      <c r="A99" s="43" t="s">
        <v>575</v>
      </c>
      <c r="B99" s="154">
        <v>4236</v>
      </c>
      <c r="C99" s="158">
        <v>0.13616357129875525</v>
      </c>
      <c r="D99" s="92">
        <v>1.0545172514363918E-2</v>
      </c>
      <c r="E99" s="158">
        <v>0.10302647816528764</v>
      </c>
      <c r="F99" s="92">
        <v>9.3520867671912644E-3</v>
      </c>
      <c r="G99" s="158">
        <v>0.76080995053595557</v>
      </c>
      <c r="H99" s="92">
        <v>1.3107194201942481E-2</v>
      </c>
      <c r="I99" s="154">
        <v>3248</v>
      </c>
      <c r="J99" s="158">
        <v>0.18687129846047434</v>
      </c>
      <c r="K99" s="92">
        <v>1.3682009462245407E-2</v>
      </c>
      <c r="L99" s="158">
        <v>0.11307730363791159</v>
      </c>
      <c r="M99" s="92">
        <v>1.1127069305384778E-2</v>
      </c>
      <c r="N99" s="158">
        <v>0.7000513979016163</v>
      </c>
      <c r="O99" s="92">
        <v>1.607477259306091E-2</v>
      </c>
      <c r="P99" s="154">
        <v>3841</v>
      </c>
      <c r="Q99" s="158">
        <v>0.10929011406887032</v>
      </c>
      <c r="R99" s="92">
        <v>1.0079694707005741E-2</v>
      </c>
      <c r="S99" s="158">
        <v>8.7207699018404125E-2</v>
      </c>
      <c r="T99" s="92">
        <v>9.1203121432624681E-3</v>
      </c>
      <c r="U99" s="158">
        <v>0.80350218691272479</v>
      </c>
      <c r="V99" s="92">
        <v>1.2823822783370017E-2</v>
      </c>
    </row>
    <row r="100" spans="1:22">
      <c r="A100" s="47" t="s">
        <v>576</v>
      </c>
      <c r="B100" s="155">
        <v>2587</v>
      </c>
      <c r="C100" s="159">
        <v>0.1500720686768012</v>
      </c>
      <c r="D100" s="95">
        <v>1.4053337644015156E-2</v>
      </c>
      <c r="E100" s="159">
        <v>0.10047260392460748</v>
      </c>
      <c r="F100" s="95">
        <v>1.1844243923568681E-2</v>
      </c>
      <c r="G100" s="159">
        <v>0.74945532739859</v>
      </c>
      <c r="H100" s="95">
        <v>1.7034667449232637E-2</v>
      </c>
      <c r="I100" s="155">
        <v>2122</v>
      </c>
      <c r="J100" s="159">
        <v>0.18945543710053767</v>
      </c>
      <c r="K100" s="95">
        <v>1.7017760780577845E-2</v>
      </c>
      <c r="L100" s="159">
        <v>0.1042753643160617</v>
      </c>
      <c r="M100" s="95">
        <v>1.3298139015625482E-2</v>
      </c>
      <c r="N100" s="159">
        <v>0.70626919858340043</v>
      </c>
      <c r="O100" s="95">
        <v>1.9764034566434829E-2</v>
      </c>
      <c r="P100" s="155">
        <v>2256</v>
      </c>
      <c r="Q100" s="159">
        <v>0.11301664721814481</v>
      </c>
      <c r="R100" s="95">
        <v>1.3355157148361994E-2</v>
      </c>
      <c r="S100" s="159">
        <v>8.1043674172799299E-2</v>
      </c>
      <c r="T100" s="95">
        <v>1.1528830542211835E-2</v>
      </c>
      <c r="U100" s="159">
        <v>0.80593967860905391</v>
      </c>
      <c r="V100" s="95">
        <v>1.6655379637807562E-2</v>
      </c>
    </row>
    <row r="101" spans="1:22">
      <c r="A101" s="43" t="s">
        <v>577</v>
      </c>
      <c r="B101" s="154">
        <v>343</v>
      </c>
      <c r="C101" s="158">
        <v>0.18968067465247063</v>
      </c>
      <c r="D101" s="92">
        <v>4.2393687871640467E-2</v>
      </c>
      <c r="E101" s="158">
        <v>0.10674280431689881</v>
      </c>
      <c r="F101" s="92">
        <v>3.3763659669148627E-2</v>
      </c>
      <c r="G101" s="158">
        <v>0.70357652103063084</v>
      </c>
      <c r="H101" s="92">
        <v>4.9143272338682993E-2</v>
      </c>
      <c r="I101" s="154">
        <v>298</v>
      </c>
      <c r="J101" s="158">
        <v>0.19214547099699864</v>
      </c>
      <c r="K101" s="92">
        <v>4.5705585763883241E-2</v>
      </c>
      <c r="L101" s="158">
        <v>0.12879389670542074</v>
      </c>
      <c r="M101" s="92">
        <v>3.9168852840025428E-2</v>
      </c>
      <c r="N101" s="158">
        <v>0.67906063229758074</v>
      </c>
      <c r="O101" s="92">
        <v>5.3830861982379137E-2</v>
      </c>
      <c r="P101" s="154">
        <v>304</v>
      </c>
      <c r="Q101" s="158">
        <v>0.15644888658753012</v>
      </c>
      <c r="R101" s="92">
        <v>4.1874638450266448E-2</v>
      </c>
      <c r="S101" s="158">
        <v>8.2701524454041705E-2</v>
      </c>
      <c r="T101" s="92">
        <v>3.2304492298905127E-2</v>
      </c>
      <c r="U101" s="158">
        <v>0.76084958895842802</v>
      </c>
      <c r="V101" s="92">
        <v>4.884554953101089E-2</v>
      </c>
    </row>
    <row r="102" spans="1:22">
      <c r="A102" s="47" t="s">
        <v>578</v>
      </c>
      <c r="B102" s="155">
        <v>132</v>
      </c>
      <c r="C102" s="159">
        <v>8.1310139477217297E-2</v>
      </c>
      <c r="D102" s="95">
        <v>4.9958509642133553E-2</v>
      </c>
      <c r="E102" s="159">
        <v>0.1106834283094344</v>
      </c>
      <c r="F102" s="95">
        <v>5.6155567097370677E-2</v>
      </c>
      <c r="G102" s="159">
        <v>0.80800643221334811</v>
      </c>
      <c r="H102" s="95">
        <v>6.8734450727928081E-2</v>
      </c>
      <c r="I102" s="155">
        <v>119</v>
      </c>
      <c r="J102" s="159">
        <v>0.12660879303743228</v>
      </c>
      <c r="K102" s="95">
        <v>6.233911741700475E-2</v>
      </c>
      <c r="L102" s="159">
        <v>6.9537041725301466E-2</v>
      </c>
      <c r="M102" s="95">
        <v>4.9896674061445503E-2</v>
      </c>
      <c r="N102" s="159">
        <v>0.80385416523726605</v>
      </c>
      <c r="O102" s="95">
        <v>7.2936108496931273E-2</v>
      </c>
      <c r="P102" s="155">
        <v>119</v>
      </c>
      <c r="Q102" s="159">
        <v>7.4675061649966457E-2</v>
      </c>
      <c r="R102" s="95">
        <v>5.1220333603377077E-2</v>
      </c>
      <c r="S102" s="159">
        <v>2.8975269230626752E-2</v>
      </c>
      <c r="T102" s="95">
        <v>3.7102917209835169E-2</v>
      </c>
      <c r="U102" s="159">
        <v>0.89634966911940694</v>
      </c>
      <c r="V102" s="95">
        <v>5.786393837411459E-2</v>
      </c>
    </row>
    <row r="103" spans="1:22">
      <c r="A103" s="43" t="s">
        <v>581</v>
      </c>
      <c r="B103" s="154">
        <v>7138</v>
      </c>
      <c r="C103" s="158">
        <v>0.14518959022269828</v>
      </c>
      <c r="D103" s="92">
        <v>8.3419816243359753E-3</v>
      </c>
      <c r="E103" s="158">
        <v>0.11655201755359408</v>
      </c>
      <c r="F103" s="92">
        <v>7.6000668628415698E-3</v>
      </c>
      <c r="G103" s="158">
        <v>0.73825839222371026</v>
      </c>
      <c r="H103" s="92">
        <v>1.0404760221465897E-2</v>
      </c>
      <c r="I103" s="154">
        <v>5601</v>
      </c>
      <c r="J103" s="158">
        <v>0.17633430665603578</v>
      </c>
      <c r="K103" s="92">
        <v>1.0186135248063079E-2</v>
      </c>
      <c r="L103" s="158">
        <v>0.1312133557345633</v>
      </c>
      <c r="M103" s="92">
        <v>9.0272838207022567E-3</v>
      </c>
      <c r="N103" s="158">
        <v>0.69245233760940361</v>
      </c>
      <c r="O103" s="92">
        <v>1.2329549891091829E-2</v>
      </c>
      <c r="P103" s="154">
        <v>6676</v>
      </c>
      <c r="Q103" s="158">
        <v>0.1187389199522038</v>
      </c>
      <c r="R103" s="92">
        <v>7.9223031099682744E-3</v>
      </c>
      <c r="S103" s="158">
        <v>0.10040515488022679</v>
      </c>
      <c r="T103" s="92">
        <v>7.3621109350060134E-3</v>
      </c>
      <c r="U103" s="158">
        <v>0.78085592516757174</v>
      </c>
      <c r="V103" s="92">
        <v>1.0125393114015106E-2</v>
      </c>
    </row>
    <row r="104" spans="1:22">
      <c r="A104" s="47" t="s">
        <v>580</v>
      </c>
      <c r="B104" s="155">
        <v>3345</v>
      </c>
      <c r="C104" s="159">
        <v>0.14766559570894938</v>
      </c>
      <c r="D104" s="95">
        <v>1.2275178284046364E-2</v>
      </c>
      <c r="E104" s="159">
        <v>9.5345642688012044E-2</v>
      </c>
      <c r="F104" s="95">
        <v>1.017293098844505E-2</v>
      </c>
      <c r="G104" s="159">
        <v>0.75698876160303474</v>
      </c>
      <c r="H104" s="95">
        <v>1.4829153230949832E-2</v>
      </c>
      <c r="I104" s="155">
        <v>2706</v>
      </c>
      <c r="J104" s="159">
        <v>0.18458024826895678</v>
      </c>
      <c r="K104" s="95">
        <v>1.4919407592012853E-2</v>
      </c>
      <c r="L104" s="159">
        <v>0.10029455446341207</v>
      </c>
      <c r="M104" s="95">
        <v>1.1570852685719083E-2</v>
      </c>
      <c r="N104" s="159">
        <v>0.71512519726763246</v>
      </c>
      <c r="O104" s="95">
        <v>1.7346380683540049E-2</v>
      </c>
      <c r="P104" s="155">
        <v>2944</v>
      </c>
      <c r="Q104" s="159">
        <v>0.11093216917587753</v>
      </c>
      <c r="R104" s="95">
        <v>1.1592160827691898E-2</v>
      </c>
      <c r="S104" s="159">
        <v>8.4713384000032602E-2</v>
      </c>
      <c r="T104" s="95">
        <v>1.0287899292485437E-2</v>
      </c>
      <c r="U104" s="159">
        <v>0.80435444682408497</v>
      </c>
      <c r="V104" s="95">
        <v>1.4624173543603066E-2</v>
      </c>
    </row>
    <row r="105" spans="1:22">
      <c r="A105" s="43" t="s">
        <v>583</v>
      </c>
      <c r="B105" s="154">
        <v>786</v>
      </c>
      <c r="C105" s="158">
        <v>0.16182396774559063</v>
      </c>
      <c r="D105" s="92">
        <v>2.6317645417537752E-2</v>
      </c>
      <c r="E105" s="158">
        <v>8.1526469375055241E-2</v>
      </c>
      <c r="F105" s="92">
        <v>1.9700129497226354E-2</v>
      </c>
      <c r="G105" s="158">
        <v>0.7566495628793537</v>
      </c>
      <c r="H105" s="92">
        <v>3.058884888444666E-2</v>
      </c>
      <c r="I105" s="154">
        <v>666</v>
      </c>
      <c r="J105" s="158">
        <v>0.19401893654451249</v>
      </c>
      <c r="K105" s="92">
        <v>3.0663328790754143E-2</v>
      </c>
      <c r="L105" s="158">
        <v>9.6471857670902092E-2</v>
      </c>
      <c r="M105" s="92">
        <v>2.3064288157199846E-2</v>
      </c>
      <c r="N105" s="158">
        <v>0.70950920578458432</v>
      </c>
      <c r="O105" s="92">
        <v>3.5122679404452441E-2</v>
      </c>
      <c r="P105" s="154">
        <v>690</v>
      </c>
      <c r="Q105" s="158">
        <v>0.14133612232293433</v>
      </c>
      <c r="R105" s="92">
        <v>2.6608359144383503E-2</v>
      </c>
      <c r="S105" s="158">
        <v>8.0774994929606048E-2</v>
      </c>
      <c r="T105" s="92">
        <v>2.0966624878015261E-2</v>
      </c>
      <c r="U105" s="158">
        <v>0.77788888274745882</v>
      </c>
      <c r="V105" s="92">
        <v>3.1637843801069453E-2</v>
      </c>
    </row>
    <row r="106" spans="1:22">
      <c r="A106" s="47" t="s">
        <v>582</v>
      </c>
      <c r="B106" s="155">
        <v>2559</v>
      </c>
      <c r="C106" s="159">
        <v>0.14234934626658713</v>
      </c>
      <c r="D106" s="95">
        <v>1.382601672364772E-2</v>
      </c>
      <c r="E106" s="159">
        <v>0.10053452826248403</v>
      </c>
      <c r="F106" s="95">
        <v>1.1912349228773045E-2</v>
      </c>
      <c r="G106" s="159">
        <v>0.75711612547092855</v>
      </c>
      <c r="H106" s="95">
        <v>1.695038707916198E-2</v>
      </c>
      <c r="I106" s="155">
        <v>2040</v>
      </c>
      <c r="J106" s="159">
        <v>0.18092970336694464</v>
      </c>
      <c r="K106" s="95">
        <v>1.7052481055255593E-2</v>
      </c>
      <c r="L106" s="159">
        <v>0.10177303599394204</v>
      </c>
      <c r="M106" s="95">
        <v>1.3420444843122501E-2</v>
      </c>
      <c r="N106" s="159">
        <v>0.71729726063911914</v>
      </c>
      <c r="O106" s="95">
        <v>1.9929745803506003E-2</v>
      </c>
      <c r="P106" s="155">
        <v>2254</v>
      </c>
      <c r="Q106" s="159">
        <v>9.9623676020763691E-2</v>
      </c>
      <c r="R106" s="95">
        <v>1.2645345361447079E-2</v>
      </c>
      <c r="S106" s="159">
        <v>8.6178234495943376E-2</v>
      </c>
      <c r="T106" s="95">
        <v>1.1856667996168002E-2</v>
      </c>
      <c r="U106" s="159">
        <v>0.81419808948329253</v>
      </c>
      <c r="V106" s="95">
        <v>1.6389253817599231E-2</v>
      </c>
    </row>
    <row r="107" spans="1:22">
      <c r="A107" s="43" t="s">
        <v>568</v>
      </c>
      <c r="B107" s="154">
        <v>6104</v>
      </c>
      <c r="C107" s="158">
        <v>0.15333176936300105</v>
      </c>
      <c r="D107" s="92">
        <v>9.2260590022157085E-3</v>
      </c>
      <c r="E107" s="158">
        <v>0.11871536102849431</v>
      </c>
      <c r="F107" s="92">
        <v>8.2848901710805885E-3</v>
      </c>
      <c r="G107" s="158">
        <v>0.7279528696084987</v>
      </c>
      <c r="H107" s="92">
        <v>1.1390132485722095E-2</v>
      </c>
      <c r="I107" s="154">
        <v>4831</v>
      </c>
      <c r="J107" s="158">
        <v>0.18170833183386953</v>
      </c>
      <c r="K107" s="92">
        <v>1.1097312219809852E-2</v>
      </c>
      <c r="L107" s="158">
        <v>0.12657648332197677</v>
      </c>
      <c r="M107" s="92">
        <v>9.573554919926024E-3</v>
      </c>
      <c r="N107" s="158">
        <v>0.69171518484415517</v>
      </c>
      <c r="O107" s="92">
        <v>1.3284137765047402E-2</v>
      </c>
      <c r="P107" s="154">
        <v>5875</v>
      </c>
      <c r="Q107" s="158">
        <v>0.1331665481943248</v>
      </c>
      <c r="R107" s="92">
        <v>8.8692673356898215E-3</v>
      </c>
      <c r="S107" s="158">
        <v>9.7877265780831599E-2</v>
      </c>
      <c r="T107" s="92">
        <v>7.7605460119145797E-3</v>
      </c>
      <c r="U107" s="158">
        <v>0.7689561860248374</v>
      </c>
      <c r="V107" s="92">
        <v>1.0997563370350336E-2</v>
      </c>
    </row>
    <row r="108" spans="1:22">
      <c r="A108" s="47" t="s">
        <v>569</v>
      </c>
      <c r="B108" s="155">
        <v>4316</v>
      </c>
      <c r="C108" s="159">
        <v>0.13753522051287603</v>
      </c>
      <c r="D108" s="95">
        <v>1.0490845595639259E-2</v>
      </c>
      <c r="E108" s="159">
        <v>0.10805722035372017</v>
      </c>
      <c r="F108" s="95">
        <v>9.4606987092726094E-3</v>
      </c>
      <c r="G108" s="159">
        <v>0.75440755913341273</v>
      </c>
      <c r="H108" s="95">
        <v>1.3102042396456173E-2</v>
      </c>
      <c r="I108" s="155">
        <v>3418</v>
      </c>
      <c r="J108" s="159">
        <v>0.17244315213427627</v>
      </c>
      <c r="K108" s="95">
        <v>1.2926858806798596E-2</v>
      </c>
      <c r="L108" s="159">
        <v>0.12544953627395586</v>
      </c>
      <c r="M108" s="95">
        <v>1.1341349730480642E-2</v>
      </c>
      <c r="N108" s="159">
        <v>0.70210731159176698</v>
      </c>
      <c r="O108" s="95">
        <v>1.5639422992392515E-2</v>
      </c>
      <c r="P108" s="155">
        <v>3682</v>
      </c>
      <c r="Q108" s="159">
        <v>0.10121385719024623</v>
      </c>
      <c r="R108" s="95">
        <v>9.9545674673027773E-3</v>
      </c>
      <c r="S108" s="159">
        <v>9.8786591492674186E-2</v>
      </c>
      <c r="T108" s="95">
        <v>9.8483884729649758E-3</v>
      </c>
      <c r="U108" s="159">
        <v>0.79999955131708045</v>
      </c>
      <c r="V108" s="95">
        <v>1.3184919464474532E-2</v>
      </c>
    </row>
    <row r="109" spans="1:22">
      <c r="A109" s="55" t="s">
        <v>570</v>
      </c>
      <c r="B109" s="154">
        <v>1003</v>
      </c>
      <c r="C109" s="158">
        <v>0.145102414778364</v>
      </c>
      <c r="D109" s="92">
        <v>2.2286955029216873E-2</v>
      </c>
      <c r="E109" s="158">
        <v>0.13636015589477493</v>
      </c>
      <c r="F109" s="92">
        <v>2.1724509217638903E-2</v>
      </c>
      <c r="G109" s="158">
        <v>0.7185374293268646</v>
      </c>
      <c r="H109" s="92">
        <v>2.8369812858921001E-2</v>
      </c>
      <c r="I109" s="154">
        <v>974</v>
      </c>
      <c r="J109" s="158">
        <v>0.16936013284863133</v>
      </c>
      <c r="K109" s="92">
        <v>2.4062776189656278E-2</v>
      </c>
      <c r="L109" s="158">
        <v>0.13325039098717859</v>
      </c>
      <c r="M109" s="92">
        <v>2.1837166676502106E-2</v>
      </c>
      <c r="N109" s="158">
        <v>0.697389476164194</v>
      </c>
      <c r="O109" s="92">
        <v>2.9401351850003206E-2</v>
      </c>
      <c r="P109" s="154">
        <v>1002</v>
      </c>
      <c r="Q109" s="158">
        <v>0.15881307775693881</v>
      </c>
      <c r="R109" s="92">
        <v>2.3126874330500893E-2</v>
      </c>
      <c r="S109" s="158">
        <v>0.12162866480739883</v>
      </c>
      <c r="T109" s="92">
        <v>2.0719786964296178E-2</v>
      </c>
      <c r="U109" s="158">
        <v>0.71955825743566582</v>
      </c>
      <c r="V109" s="92">
        <v>2.8352843274479334E-2</v>
      </c>
    </row>
    <row r="110" spans="1:22">
      <c r="A110" s="47" t="s">
        <v>571</v>
      </c>
      <c r="B110" s="155">
        <v>2696</v>
      </c>
      <c r="C110" s="159">
        <v>0.15014879716643834</v>
      </c>
      <c r="D110" s="95">
        <v>1.376880648719506E-2</v>
      </c>
      <c r="E110" s="159">
        <v>0.14070671698828011</v>
      </c>
      <c r="F110" s="95">
        <v>1.3404838665963655E-2</v>
      </c>
      <c r="G110" s="159">
        <v>0.70914448584527667</v>
      </c>
      <c r="H110" s="95">
        <v>1.7485998302677726E-2</v>
      </c>
      <c r="I110" s="155">
        <v>2588</v>
      </c>
      <c r="J110" s="159">
        <v>0.17100037777292434</v>
      </c>
      <c r="K110" s="95">
        <v>1.4808086462475402E-2</v>
      </c>
      <c r="L110" s="159">
        <v>0.13950222796197101</v>
      </c>
      <c r="M110" s="95">
        <v>1.3633323926033704E-2</v>
      </c>
      <c r="N110" s="159">
        <v>0.68949739426510048</v>
      </c>
      <c r="O110" s="95">
        <v>1.8181249800251202E-2</v>
      </c>
      <c r="P110" s="155">
        <v>2646</v>
      </c>
      <c r="Q110" s="159">
        <v>0.13266092287626108</v>
      </c>
      <c r="R110" s="95">
        <v>1.3202004134254403E-2</v>
      </c>
      <c r="S110" s="159">
        <v>0.11986740134004524</v>
      </c>
      <c r="T110" s="95">
        <v>1.2645238167932827E-2</v>
      </c>
      <c r="U110" s="159">
        <v>0.74747167578369056</v>
      </c>
      <c r="V110" s="95">
        <v>1.6887754293136638E-2</v>
      </c>
    </row>
    <row r="111" spans="1:22">
      <c r="A111" s="55" t="s">
        <v>572</v>
      </c>
      <c r="B111" s="154">
        <v>3352</v>
      </c>
      <c r="C111" s="158">
        <v>0.17768136830692438</v>
      </c>
      <c r="D111" s="92">
        <v>1.320771086118697E-2</v>
      </c>
      <c r="E111" s="158">
        <v>9.2811260569830842E-2</v>
      </c>
      <c r="F111" s="92">
        <v>1.0041174691286504E-2</v>
      </c>
      <c r="G111" s="158">
        <v>0.72950737112324859</v>
      </c>
      <c r="H111" s="92">
        <v>1.53408572339311E-2</v>
      </c>
      <c r="I111" s="154">
        <v>2842</v>
      </c>
      <c r="J111" s="158">
        <v>0.21391403017163368</v>
      </c>
      <c r="K111" s="92">
        <v>1.5383809285246856E-2</v>
      </c>
      <c r="L111" s="158">
        <v>0.11683808087972121</v>
      </c>
      <c r="M111" s="92">
        <v>1.2066770186660934E-2</v>
      </c>
      <c r="N111" s="158">
        <v>0.66924788894864695</v>
      </c>
      <c r="O111" s="92">
        <v>1.7641531490026629E-2</v>
      </c>
      <c r="P111" s="154">
        <v>3072</v>
      </c>
      <c r="Q111" s="158">
        <v>0.13143939518241421</v>
      </c>
      <c r="R111" s="92">
        <v>1.2203099909385009E-2</v>
      </c>
      <c r="S111" s="158">
        <v>8.4131005625181957E-2</v>
      </c>
      <c r="T111" s="92">
        <v>1.0039096800499619E-2</v>
      </c>
      <c r="U111" s="158">
        <v>0.78442959919240918</v>
      </c>
      <c r="V111" s="92">
        <v>1.4838097642731038E-2</v>
      </c>
    </row>
    <row r="112" spans="1:22">
      <c r="A112" s="47" t="s">
        <v>573</v>
      </c>
      <c r="B112" s="155">
        <v>3311</v>
      </c>
      <c r="C112" s="159">
        <v>0.10029566107637995</v>
      </c>
      <c r="D112" s="95">
        <v>1.0456936726001053E-2</v>
      </c>
      <c r="E112" s="159">
        <v>7.9820891550899567E-2</v>
      </c>
      <c r="F112" s="95">
        <v>9.4414333015268893E-3</v>
      </c>
      <c r="G112" s="159">
        <v>0.81988344737271812</v>
      </c>
      <c r="H112" s="95">
        <v>1.3359914843672197E-2</v>
      </c>
      <c r="I112" s="155">
        <v>1797</v>
      </c>
      <c r="J112" s="159">
        <v>0.12712960659466582</v>
      </c>
      <c r="K112" s="95">
        <v>1.5742554167355493E-2</v>
      </c>
      <c r="L112" s="159">
        <v>9.1230701704378581E-2</v>
      </c>
      <c r="M112" s="95">
        <v>1.3630245038871969E-2</v>
      </c>
      <c r="N112" s="159">
        <v>0.78163969170096126</v>
      </c>
      <c r="O112" s="95">
        <v>1.9489944413622125E-2</v>
      </c>
      <c r="P112" s="155">
        <v>2793</v>
      </c>
      <c r="Q112" s="159">
        <v>4.6023088495016476E-2</v>
      </c>
      <c r="R112" s="95">
        <v>7.9769077564944973E-3</v>
      </c>
      <c r="S112" s="159">
        <v>6.1455158920147142E-2</v>
      </c>
      <c r="T112" s="95">
        <v>9.1253620510607369E-3</v>
      </c>
      <c r="U112" s="159">
        <v>0.8925217525848359</v>
      </c>
      <c r="V112" s="95">
        <v>1.1739457364217814E-2</v>
      </c>
    </row>
    <row r="113" spans="1:22">
      <c r="A113" s="55" t="s">
        <v>579</v>
      </c>
      <c r="B113" s="154">
        <v>7369</v>
      </c>
      <c r="C113" s="158">
        <v>0.15144385259928736</v>
      </c>
      <c r="D113" s="92">
        <v>8.3540403496070309E-3</v>
      </c>
      <c r="E113" s="158">
        <v>0.11220048622749619</v>
      </c>
      <c r="F113" s="92">
        <v>7.3572926203580502E-3</v>
      </c>
      <c r="G113" s="158">
        <v>0.73635566117321882</v>
      </c>
      <c r="H113" s="92">
        <v>1.0264284695122925E-2</v>
      </c>
      <c r="I113" s="154">
        <v>5784</v>
      </c>
      <c r="J113" s="158">
        <v>0.17967242563674421</v>
      </c>
      <c r="K113" s="92">
        <v>1.0097384151593676E-2</v>
      </c>
      <c r="L113" s="158">
        <v>0.13167263817699484</v>
      </c>
      <c r="M113" s="92">
        <v>8.8963315197874183E-3</v>
      </c>
      <c r="N113" s="158">
        <v>0.68865493618626616</v>
      </c>
      <c r="O113" s="92">
        <v>1.217411379119963E-2</v>
      </c>
      <c r="P113" s="154">
        <v>7242</v>
      </c>
      <c r="Q113" s="158">
        <v>0.12458452221606146</v>
      </c>
      <c r="R113" s="92">
        <v>7.7647859500266699E-3</v>
      </c>
      <c r="S113" s="158">
        <v>9.8711033166097112E-2</v>
      </c>
      <c r="T113" s="92">
        <v>7.0150229361930641E-3</v>
      </c>
      <c r="U113" s="158">
        <v>0.77670444461784205</v>
      </c>
      <c r="V113" s="92">
        <v>9.7871117812196162E-3</v>
      </c>
    </row>
    <row r="114" spans="1:22">
      <c r="A114" s="47" t="s">
        <v>585</v>
      </c>
      <c r="B114" s="155">
        <v>1158</v>
      </c>
      <c r="C114" s="159">
        <v>0.127346076765048</v>
      </c>
      <c r="D114" s="95">
        <v>1.9642544903229722E-2</v>
      </c>
      <c r="E114" s="159">
        <v>0.11641973316333981</v>
      </c>
      <c r="F114" s="95">
        <v>1.8909823591395848E-2</v>
      </c>
      <c r="G114" s="159">
        <v>0.75623419007161219</v>
      </c>
      <c r="H114" s="95">
        <v>2.5221584765555971E-2</v>
      </c>
      <c r="I114" s="155">
        <v>804</v>
      </c>
      <c r="J114" s="159">
        <v>0.18741625629485051</v>
      </c>
      <c r="K114" s="95">
        <v>2.7544421407602392E-2</v>
      </c>
      <c r="L114" s="159">
        <v>0.11536226896781031</v>
      </c>
      <c r="M114" s="95">
        <v>2.263736985236367E-2</v>
      </c>
      <c r="N114" s="159">
        <v>0.69722147473733898</v>
      </c>
      <c r="O114" s="95">
        <v>3.2356908809457373E-2</v>
      </c>
      <c r="P114" s="155">
        <v>1127</v>
      </c>
      <c r="Q114" s="159">
        <v>9.1296670382545214E-2</v>
      </c>
      <c r="R114" s="95">
        <v>1.7250536068392549E-2</v>
      </c>
      <c r="S114" s="159">
        <v>8.3679469333058462E-2</v>
      </c>
      <c r="T114" s="95">
        <v>1.6598555092645455E-2</v>
      </c>
      <c r="U114" s="159">
        <v>0.82502386028439689</v>
      </c>
      <c r="V114" s="95">
        <v>2.2653770062069697E-2</v>
      </c>
    </row>
    <row r="115" spans="1:22">
      <c r="A115" s="55" t="s">
        <v>586</v>
      </c>
      <c r="B115" s="154">
        <v>569</v>
      </c>
      <c r="C115" s="158">
        <v>0.13068744947267369</v>
      </c>
      <c r="D115" s="92">
        <v>2.839583596431251E-2</v>
      </c>
      <c r="E115" s="158">
        <v>0.12567968566665264</v>
      </c>
      <c r="F115" s="92">
        <v>2.7940814326262286E-2</v>
      </c>
      <c r="G115" s="158">
        <v>0.74363286486067315</v>
      </c>
      <c r="H115" s="92">
        <v>3.6559626712511908E-2</v>
      </c>
      <c r="I115" s="154">
        <v>450</v>
      </c>
      <c r="J115" s="158">
        <v>0.14658923877459243</v>
      </c>
      <c r="K115" s="92">
        <v>3.3489034929449234E-2</v>
      </c>
      <c r="L115" s="158">
        <v>0.11128257960842004</v>
      </c>
      <c r="M115" s="92">
        <v>2.9911707734274824E-2</v>
      </c>
      <c r="N115" s="158">
        <v>0.74212818161698668</v>
      </c>
      <c r="O115" s="92">
        <v>4.1172512430390246E-2</v>
      </c>
      <c r="P115" s="154">
        <v>558</v>
      </c>
      <c r="Q115" s="158">
        <v>0.10143553153342293</v>
      </c>
      <c r="R115" s="92">
        <v>2.5783050378311492E-2</v>
      </c>
      <c r="S115" s="158">
        <v>0.11514305849694542</v>
      </c>
      <c r="T115" s="92">
        <v>2.7205037743490645E-2</v>
      </c>
      <c r="U115" s="158">
        <v>0.78342140996963128</v>
      </c>
      <c r="V115" s="92">
        <v>3.4867485785105394E-2</v>
      </c>
    </row>
    <row r="116" spans="1:22">
      <c r="A116" s="47" t="s">
        <v>584</v>
      </c>
      <c r="B116" s="155">
        <v>202</v>
      </c>
      <c r="C116" s="159">
        <v>0.15743062859604995</v>
      </c>
      <c r="D116" s="95">
        <v>5.1607067895954276E-2</v>
      </c>
      <c r="E116" s="159">
        <v>0.15617890925234493</v>
      </c>
      <c r="F116" s="95">
        <v>5.1451415602061949E-2</v>
      </c>
      <c r="G116" s="159">
        <v>0.68639046215160504</v>
      </c>
      <c r="H116" s="95">
        <v>6.4851537327754408E-2</v>
      </c>
      <c r="I116" s="155">
        <v>175</v>
      </c>
      <c r="J116" s="159">
        <v>0.17093894578428037</v>
      </c>
      <c r="K116" s="95">
        <v>5.7217439525863958E-2</v>
      </c>
      <c r="L116" s="159">
        <v>0.23351509452453839</v>
      </c>
      <c r="M116" s="95">
        <v>6.3795089686450895E-2</v>
      </c>
      <c r="N116" s="159">
        <v>0.59554595969118163</v>
      </c>
      <c r="O116" s="95">
        <v>7.3427562795826018E-2</v>
      </c>
      <c r="P116" s="155">
        <v>189</v>
      </c>
      <c r="Q116" s="159">
        <v>0.11106473860318357</v>
      </c>
      <c r="R116" s="95">
        <v>4.6634877847107563E-2</v>
      </c>
      <c r="S116" s="159">
        <v>0.11827309716415071</v>
      </c>
      <c r="T116" s="95">
        <v>4.780400368021865E-2</v>
      </c>
      <c r="U116" s="159">
        <v>0.77066216423266554</v>
      </c>
      <c r="V116" s="95">
        <v>6.1035473727511759E-2</v>
      </c>
    </row>
    <row r="117" spans="1:22">
      <c r="A117" s="55" t="s">
        <v>587</v>
      </c>
      <c r="B117" s="154">
        <v>10151</v>
      </c>
      <c r="C117" s="158">
        <v>0.14506243541622194</v>
      </c>
      <c r="D117" s="92">
        <v>6.9921120901907724E-3</v>
      </c>
      <c r="E117" s="158">
        <v>0.11263306199880276</v>
      </c>
      <c r="F117" s="92">
        <v>6.2781432875490574E-3</v>
      </c>
      <c r="G117" s="158">
        <v>0.74230450258497971</v>
      </c>
      <c r="H117" s="92">
        <v>8.6813443378117913E-3</v>
      </c>
      <c r="I117" s="154">
        <v>8013</v>
      </c>
      <c r="J117" s="158">
        <v>0.1758683100167352</v>
      </c>
      <c r="K117" s="92">
        <v>8.5069352937947682E-3</v>
      </c>
      <c r="L117" s="158">
        <v>0.12480353032438525</v>
      </c>
      <c r="M117" s="92">
        <v>7.3870201603453457E-3</v>
      </c>
      <c r="N117" s="158">
        <v>0.6993281596588834</v>
      </c>
      <c r="O117" s="92">
        <v>1.0243582519399426E-2</v>
      </c>
      <c r="P117" s="154">
        <v>9313</v>
      </c>
      <c r="Q117" s="158">
        <v>0.1170595182482886</v>
      </c>
      <c r="R117" s="92">
        <v>6.6653867183875896E-3</v>
      </c>
      <c r="S117" s="158">
        <v>9.7686333033645753E-2</v>
      </c>
      <c r="T117" s="92">
        <v>6.1564400498848723E-3</v>
      </c>
      <c r="U117" s="158">
        <v>0.78525414871806576</v>
      </c>
      <c r="V117" s="92">
        <v>8.5103885922505756E-3</v>
      </c>
    </row>
    <row r="119" spans="1:22" ht="18.75">
      <c r="A119" s="337" t="s">
        <v>4</v>
      </c>
      <c r="B119" s="337"/>
      <c r="C119" s="337"/>
      <c r="D119" s="337"/>
    </row>
    <row r="120" spans="1:22" ht="140.25" customHeight="1">
      <c r="A120" s="347" t="s">
        <v>380</v>
      </c>
      <c r="B120" s="369"/>
      <c r="C120" s="369"/>
      <c r="D120" s="369"/>
    </row>
    <row r="121" spans="1:22" ht="41.25" customHeight="1">
      <c r="A121" s="348" t="s">
        <v>381</v>
      </c>
      <c r="B121" s="349"/>
      <c r="C121" s="349"/>
      <c r="D121" s="349"/>
    </row>
    <row r="122" spans="1:22" ht="72">
      <c r="A122" s="35" t="s">
        <v>70</v>
      </c>
      <c r="B122" s="36" t="s">
        <v>71</v>
      </c>
      <c r="C122" s="37" t="s">
        <v>551</v>
      </c>
      <c r="D122" s="38" t="s">
        <v>72</v>
      </c>
    </row>
    <row r="123" spans="1:22" ht="108">
      <c r="A123" s="39"/>
      <c r="B123" s="40" t="s">
        <v>73</v>
      </c>
      <c r="C123" s="41" t="s">
        <v>382</v>
      </c>
      <c r="D123" s="42" t="s">
        <v>75</v>
      </c>
    </row>
    <row r="124" spans="1:22">
      <c r="A124" s="43" t="s">
        <v>348</v>
      </c>
      <c r="B124" s="81">
        <v>12672</v>
      </c>
      <c r="C124" s="82">
        <v>4.3322968797313424</v>
      </c>
      <c r="D124" s="83">
        <v>2.3528368041419931E-2</v>
      </c>
    </row>
    <row r="125" spans="1:22">
      <c r="A125" s="47" t="s">
        <v>349</v>
      </c>
      <c r="B125" s="117">
        <v>9414</v>
      </c>
      <c r="C125" s="118">
        <v>4.3457102995732457</v>
      </c>
      <c r="D125" s="119">
        <v>2.7090466565666174E-2</v>
      </c>
    </row>
    <row r="126" spans="1:22">
      <c r="A126" s="43" t="s">
        <v>350</v>
      </c>
      <c r="B126" s="81">
        <v>3258</v>
      </c>
      <c r="C126" s="82">
        <v>4.3211313247473422</v>
      </c>
      <c r="D126" s="83">
        <v>4.7156791440410843E-2</v>
      </c>
    </row>
    <row r="127" spans="1:22">
      <c r="A127" s="47" t="s">
        <v>574</v>
      </c>
      <c r="B127" s="117">
        <v>4361</v>
      </c>
      <c r="C127" s="118">
        <v>4.3018046623143524</v>
      </c>
      <c r="D127" s="119">
        <v>4.0736273159326652E-2</v>
      </c>
    </row>
    <row r="128" spans="1:22">
      <c r="A128" s="43" t="s">
        <v>575</v>
      </c>
      <c r="B128" s="81">
        <v>4719</v>
      </c>
      <c r="C128" s="82">
        <v>4.4784537793488903</v>
      </c>
      <c r="D128" s="83">
        <v>3.7557679991920438E-2</v>
      </c>
    </row>
    <row r="129" spans="1:4">
      <c r="A129" s="47" t="s">
        <v>576</v>
      </c>
      <c r="B129" s="117">
        <v>2966</v>
      </c>
      <c r="C129" s="118">
        <v>4.2226936216351936</v>
      </c>
      <c r="D129" s="119">
        <v>4.8812967829023474E-2</v>
      </c>
    </row>
    <row r="130" spans="1:4">
      <c r="A130" s="43" t="s">
        <v>577</v>
      </c>
      <c r="B130" s="81">
        <v>401</v>
      </c>
      <c r="C130" s="82">
        <v>4.3207365916943088</v>
      </c>
      <c r="D130" s="83">
        <v>0.13449087625526074</v>
      </c>
    </row>
    <row r="131" spans="1:4">
      <c r="A131" s="47" t="s">
        <v>578</v>
      </c>
      <c r="B131" s="117">
        <v>137</v>
      </c>
      <c r="C131" s="118">
        <v>4.0422761409897756</v>
      </c>
      <c r="D131" s="119">
        <v>0.2408708176841137</v>
      </c>
    </row>
    <row r="132" spans="1:4">
      <c r="A132" s="43" t="s">
        <v>581</v>
      </c>
      <c r="B132" s="81">
        <v>8822</v>
      </c>
      <c r="C132" s="82">
        <v>4.3125023199024426</v>
      </c>
      <c r="D132" s="83">
        <v>2.8295234465891841E-2</v>
      </c>
    </row>
    <row r="133" spans="1:4">
      <c r="A133" s="47" t="s">
        <v>580</v>
      </c>
      <c r="B133" s="117">
        <v>3783</v>
      </c>
      <c r="C133" s="118">
        <v>4.4574101627884071</v>
      </c>
      <c r="D133" s="119">
        <v>4.2392210263341175E-2</v>
      </c>
    </row>
    <row r="134" spans="1:4">
      <c r="A134" s="43" t="s">
        <v>583</v>
      </c>
      <c r="B134" s="114">
        <v>872</v>
      </c>
      <c r="C134" s="115">
        <v>4.300427602372034</v>
      </c>
      <c r="D134" s="116">
        <v>9.04980682827521E-2</v>
      </c>
    </row>
    <row r="135" spans="1:4">
      <c r="A135" s="47" t="s">
        <v>582</v>
      </c>
      <c r="B135" s="117">
        <v>2911</v>
      </c>
      <c r="C135" s="118">
        <v>4.5139260955148028</v>
      </c>
      <c r="D135" s="119">
        <v>4.7886981812907611E-2</v>
      </c>
    </row>
    <row r="136" spans="1:4">
      <c r="A136" s="43" t="s">
        <v>568</v>
      </c>
      <c r="B136" s="81">
        <v>7473</v>
      </c>
      <c r="C136" s="82">
        <v>4.3161722727130636</v>
      </c>
      <c r="D136" s="83">
        <v>3.1135018229114943E-2</v>
      </c>
    </row>
    <row r="137" spans="1:4">
      <c r="A137" s="47" t="s">
        <v>569</v>
      </c>
      <c r="B137" s="117">
        <v>5079</v>
      </c>
      <c r="C137" s="118">
        <v>4.3523623872485473</v>
      </c>
      <c r="D137" s="119">
        <v>3.6303910685891262E-2</v>
      </c>
    </row>
    <row r="138" spans="1:4">
      <c r="A138" s="55" t="s">
        <v>570</v>
      </c>
      <c r="B138" s="114">
        <v>1622</v>
      </c>
      <c r="C138" s="115">
        <v>4.2738526302616044</v>
      </c>
      <c r="D138" s="116">
        <v>6.7478535180082663E-2</v>
      </c>
    </row>
    <row r="139" spans="1:4">
      <c r="A139" s="47" t="s">
        <v>571</v>
      </c>
      <c r="B139" s="117">
        <v>3495</v>
      </c>
      <c r="C139" s="118">
        <v>4.2195581356114165</v>
      </c>
      <c r="D139" s="119">
        <v>4.5167310505706521E-2</v>
      </c>
    </row>
    <row r="140" spans="1:4">
      <c r="A140" s="55" t="s">
        <v>572</v>
      </c>
      <c r="B140" s="114">
        <v>3767</v>
      </c>
      <c r="C140" s="115">
        <v>4.2783390579732741</v>
      </c>
      <c r="D140" s="116">
        <v>4.2480964703515547E-2</v>
      </c>
    </row>
    <row r="141" spans="1:4">
      <c r="A141" s="47" t="s">
        <v>573</v>
      </c>
      <c r="B141" s="117">
        <v>3605</v>
      </c>
      <c r="C141" s="118">
        <v>4.6778839396465903</v>
      </c>
      <c r="D141" s="119">
        <v>4.1907355396119311E-2</v>
      </c>
    </row>
    <row r="142" spans="1:4">
      <c r="A142" s="55" t="s">
        <v>579</v>
      </c>
      <c r="B142" s="114">
        <v>8790</v>
      </c>
      <c r="C142" s="115">
        <v>4.291763407911656</v>
      </c>
      <c r="D142" s="116">
        <v>2.8369756085105575E-2</v>
      </c>
    </row>
    <row r="143" spans="1:4">
      <c r="A143" s="47" t="s">
        <v>585</v>
      </c>
      <c r="B143" s="117">
        <v>1371</v>
      </c>
      <c r="C143" s="118">
        <v>4.4389137452148715</v>
      </c>
      <c r="D143" s="119">
        <v>7.0929244414515841E-2</v>
      </c>
    </row>
    <row r="144" spans="1:4">
      <c r="A144" s="55" t="s">
        <v>586</v>
      </c>
      <c r="B144" s="114">
        <v>819</v>
      </c>
      <c r="C144" s="115">
        <v>4.4746928076305705</v>
      </c>
      <c r="D144" s="116">
        <v>9.2605649739205598E-2</v>
      </c>
    </row>
    <row r="145" spans="1:28">
      <c r="A145" s="47" t="s">
        <v>584</v>
      </c>
      <c r="B145" s="117">
        <v>284</v>
      </c>
      <c r="C145" s="118">
        <v>4.3193096089127305</v>
      </c>
      <c r="D145" s="119">
        <v>0.18691913892030521</v>
      </c>
    </row>
    <row r="146" spans="1:28">
      <c r="A146" s="55" t="s">
        <v>587</v>
      </c>
      <c r="B146" s="114">
        <v>11882</v>
      </c>
      <c r="C146" s="115">
        <v>4.3392224220991116</v>
      </c>
      <c r="D146" s="116">
        <v>2.4139606871145122E-2</v>
      </c>
    </row>
    <row r="148" spans="1:28" ht="18.75">
      <c r="A148" s="337" t="s">
        <v>500</v>
      </c>
      <c r="B148" s="337"/>
      <c r="C148" s="337"/>
      <c r="D148" s="337"/>
      <c r="E148" s="337"/>
      <c r="F148" s="337"/>
      <c r="G148" s="337"/>
      <c r="H148" s="337"/>
      <c r="I148" s="337"/>
      <c r="J148" s="337"/>
      <c r="K148" s="337"/>
      <c r="L148" s="337"/>
      <c r="M148" s="337"/>
      <c r="N148" s="337"/>
      <c r="O148" s="337"/>
      <c r="P148" s="337"/>
      <c r="Q148" s="337"/>
      <c r="R148" s="337"/>
      <c r="S148" s="337"/>
      <c r="T148" s="337"/>
      <c r="U148" s="337"/>
      <c r="V148" s="337"/>
      <c r="W148" s="337"/>
      <c r="X148" s="337"/>
      <c r="Y148" s="337"/>
      <c r="Z148" s="337"/>
      <c r="AA148" s="337"/>
      <c r="AB148" s="337"/>
    </row>
    <row r="149" spans="1:28" ht="57.75" customHeight="1">
      <c r="A149" s="391" t="s">
        <v>552</v>
      </c>
      <c r="B149" s="391"/>
      <c r="C149" s="391"/>
      <c r="D149" s="391"/>
      <c r="E149" s="391"/>
      <c r="F149" s="391"/>
      <c r="G149" s="391"/>
      <c r="H149" s="391"/>
      <c r="I149" s="391"/>
      <c r="J149" s="391"/>
      <c r="K149" s="391"/>
      <c r="L149" s="391"/>
      <c r="M149" s="391"/>
      <c r="N149" s="391"/>
      <c r="O149" s="391"/>
      <c r="P149" s="391"/>
      <c r="Q149" s="391"/>
      <c r="R149" s="391"/>
      <c r="S149" s="391"/>
      <c r="T149" s="391"/>
      <c r="U149" s="391"/>
      <c r="V149" s="391"/>
      <c r="W149" s="391"/>
      <c r="X149" s="391"/>
      <c r="Y149" s="391"/>
      <c r="Z149" s="391"/>
      <c r="AA149" s="391"/>
      <c r="AB149" s="391"/>
    </row>
    <row r="150" spans="1:28" ht="40.5" customHeight="1">
      <c r="A150" s="300"/>
      <c r="B150" s="386" t="s">
        <v>383</v>
      </c>
      <c r="C150" s="387"/>
      <c r="D150" s="387"/>
      <c r="E150" s="387"/>
      <c r="F150" s="387"/>
      <c r="G150" s="387"/>
      <c r="H150" s="387"/>
      <c r="I150" s="387"/>
      <c r="J150" s="388"/>
      <c r="K150" s="363" t="s">
        <v>384</v>
      </c>
      <c r="L150" s="364"/>
      <c r="M150" s="364"/>
      <c r="N150" s="364"/>
      <c r="O150" s="364"/>
      <c r="P150" s="364"/>
      <c r="Q150" s="364"/>
      <c r="R150" s="364"/>
      <c r="S150" s="365"/>
      <c r="T150" s="386" t="s">
        <v>120</v>
      </c>
      <c r="U150" s="387"/>
      <c r="V150" s="387"/>
      <c r="W150" s="387"/>
      <c r="X150" s="387"/>
      <c r="Y150" s="387"/>
      <c r="Z150" s="387"/>
      <c r="AA150" s="387"/>
      <c r="AB150" s="387"/>
    </row>
    <row r="151" spans="1:28" ht="72">
      <c r="A151" s="35" t="s">
        <v>70</v>
      </c>
      <c r="B151" s="36" t="s">
        <v>71</v>
      </c>
      <c r="C151" s="36" t="s">
        <v>155</v>
      </c>
      <c r="D151" s="87" t="s">
        <v>84</v>
      </c>
      <c r="E151" s="36" t="s">
        <v>156</v>
      </c>
      <c r="F151" s="87" t="s">
        <v>85</v>
      </c>
      <c r="G151" s="36" t="s">
        <v>157</v>
      </c>
      <c r="H151" s="87" t="s">
        <v>86</v>
      </c>
      <c r="I151" s="36" t="s">
        <v>300</v>
      </c>
      <c r="J151" s="87" t="s">
        <v>299</v>
      </c>
      <c r="K151" s="63" t="s">
        <v>71</v>
      </c>
      <c r="L151" s="63" t="s">
        <v>155</v>
      </c>
      <c r="M151" s="86" t="s">
        <v>84</v>
      </c>
      <c r="N151" s="63" t="s">
        <v>156</v>
      </c>
      <c r="O151" s="86" t="s">
        <v>85</v>
      </c>
      <c r="P151" s="63" t="s">
        <v>157</v>
      </c>
      <c r="Q151" s="86" t="s">
        <v>86</v>
      </c>
      <c r="R151" s="63" t="s">
        <v>300</v>
      </c>
      <c r="S151" s="86" t="s">
        <v>299</v>
      </c>
      <c r="T151" s="36" t="s">
        <v>71</v>
      </c>
      <c r="U151" s="36" t="s">
        <v>155</v>
      </c>
      <c r="V151" s="87" t="s">
        <v>84</v>
      </c>
      <c r="W151" s="36" t="s">
        <v>156</v>
      </c>
      <c r="X151" s="87" t="s">
        <v>85</v>
      </c>
      <c r="Y151" s="36" t="s">
        <v>157</v>
      </c>
      <c r="Z151" s="87" t="s">
        <v>86</v>
      </c>
      <c r="AA151" s="36" t="s">
        <v>300</v>
      </c>
      <c r="AB151" s="87" t="s">
        <v>299</v>
      </c>
    </row>
    <row r="152" spans="1:28" ht="72">
      <c r="A152" s="39"/>
      <c r="B152" s="40" t="s">
        <v>73</v>
      </c>
      <c r="C152" s="40" t="s">
        <v>158</v>
      </c>
      <c r="D152" s="89" t="s">
        <v>87</v>
      </c>
      <c r="E152" s="40" t="s">
        <v>159</v>
      </c>
      <c r="F152" s="89" t="s">
        <v>87</v>
      </c>
      <c r="G152" s="40" t="s">
        <v>160</v>
      </c>
      <c r="H152" s="89" t="s">
        <v>87</v>
      </c>
      <c r="I152" s="40" t="s">
        <v>300</v>
      </c>
      <c r="J152" s="89" t="s">
        <v>87</v>
      </c>
      <c r="K152" s="66" t="s">
        <v>73</v>
      </c>
      <c r="L152" s="66" t="s">
        <v>158</v>
      </c>
      <c r="M152" s="88" t="s">
        <v>87</v>
      </c>
      <c r="N152" s="66" t="s">
        <v>159</v>
      </c>
      <c r="O152" s="88" t="s">
        <v>87</v>
      </c>
      <c r="P152" s="66" t="s">
        <v>160</v>
      </c>
      <c r="Q152" s="88" t="s">
        <v>87</v>
      </c>
      <c r="R152" s="66" t="s">
        <v>300</v>
      </c>
      <c r="S152" s="88" t="s">
        <v>87</v>
      </c>
      <c r="T152" s="40" t="s">
        <v>73</v>
      </c>
      <c r="U152" s="40" t="s">
        <v>158</v>
      </c>
      <c r="V152" s="89" t="s">
        <v>87</v>
      </c>
      <c r="W152" s="40" t="s">
        <v>159</v>
      </c>
      <c r="X152" s="89" t="s">
        <v>87</v>
      </c>
      <c r="Y152" s="40" t="s">
        <v>160</v>
      </c>
      <c r="Z152" s="89" t="s">
        <v>87</v>
      </c>
      <c r="AA152" s="40" t="s">
        <v>300</v>
      </c>
      <c r="AB152" s="89" t="s">
        <v>87</v>
      </c>
    </row>
    <row r="153" spans="1:28">
      <c r="A153" s="43" t="s">
        <v>348</v>
      </c>
      <c r="B153" s="160">
        <v>13916</v>
      </c>
      <c r="C153" s="163">
        <v>0.24721018413503079</v>
      </c>
      <c r="D153" s="92">
        <v>7.3134663503884997E-3</v>
      </c>
      <c r="E153" s="163">
        <v>0.22996751196457071</v>
      </c>
      <c r="F153" s="92">
        <v>7.1342696510420254E-3</v>
      </c>
      <c r="G153" s="163">
        <v>0.35734181830937645</v>
      </c>
      <c r="H153" s="92">
        <v>8.1236906583958182E-3</v>
      </c>
      <c r="I153" s="163">
        <v>0.16548048559104037</v>
      </c>
      <c r="J153" s="92">
        <v>6.3009075583273259E-3</v>
      </c>
      <c r="K153" s="122">
        <v>13906</v>
      </c>
      <c r="L153" s="121">
        <v>0.28691101869081054</v>
      </c>
      <c r="M153" s="92">
        <v>7.6707816144096089E-3</v>
      </c>
      <c r="N153" s="121">
        <v>0.20739565521860365</v>
      </c>
      <c r="O153" s="121">
        <v>6.8763743112210335E-3</v>
      </c>
      <c r="P153" s="121">
        <v>0.38105482308155841</v>
      </c>
      <c r="Q153" s="92">
        <v>8.2355715377953418E-3</v>
      </c>
      <c r="R153" s="121">
        <v>0.12463850300904504</v>
      </c>
      <c r="S153" s="92">
        <v>5.6033462323828937E-3</v>
      </c>
      <c r="T153" s="122">
        <v>13917</v>
      </c>
      <c r="U153" s="121">
        <v>0.21139065422020736</v>
      </c>
      <c r="V153" s="92">
        <v>6.9219899392000787E-3</v>
      </c>
      <c r="W153" s="121">
        <v>0.20220173619447673</v>
      </c>
      <c r="X153" s="92">
        <v>6.8092980540401995E-3</v>
      </c>
      <c r="Y153" s="121">
        <v>0.51742917611998085</v>
      </c>
      <c r="Z153" s="92">
        <v>8.4703414568206813E-3</v>
      </c>
      <c r="AA153" s="121">
        <v>6.8978433465351083E-2</v>
      </c>
      <c r="AB153" s="92">
        <v>4.2992426218196574E-3</v>
      </c>
    </row>
    <row r="154" spans="1:28">
      <c r="A154" s="47" t="s">
        <v>349</v>
      </c>
      <c r="B154" s="47">
        <v>10183</v>
      </c>
      <c r="C154" s="162">
        <v>0.27559647530717357</v>
      </c>
      <c r="D154" s="95">
        <v>8.8547631711577007E-3</v>
      </c>
      <c r="E154" s="162">
        <v>0.22433185166138178</v>
      </c>
      <c r="F154" s="95">
        <v>8.2673198233641793E-3</v>
      </c>
      <c r="G154" s="162">
        <v>0.33736109628042987</v>
      </c>
      <c r="H154" s="95">
        <v>9.3694258840044328E-3</v>
      </c>
      <c r="I154" s="162">
        <v>0.16271057675101472</v>
      </c>
      <c r="J154" s="95">
        <v>7.3163565765839728E-3</v>
      </c>
      <c r="K154" s="47">
        <v>10184</v>
      </c>
      <c r="L154" s="124">
        <v>0.29351436557063271</v>
      </c>
      <c r="M154" s="95">
        <v>9.0237473170164326E-3</v>
      </c>
      <c r="N154" s="124">
        <v>0.20480254938895326</v>
      </c>
      <c r="O154" s="124">
        <v>7.9980091389078491E-3</v>
      </c>
      <c r="P154" s="124">
        <v>0.39238496392138006</v>
      </c>
      <c r="Q154" s="95">
        <v>9.675295609665107E-3</v>
      </c>
      <c r="R154" s="124">
        <v>0.10929812111903336</v>
      </c>
      <c r="S154" s="95">
        <v>6.1862177962088306E-3</v>
      </c>
      <c r="T154" s="47">
        <v>10198</v>
      </c>
      <c r="U154" s="124">
        <v>0.19149971417243938</v>
      </c>
      <c r="V154" s="95">
        <v>7.7932052455123111E-3</v>
      </c>
      <c r="W154" s="124">
        <v>0.18567288530772813</v>
      </c>
      <c r="X154" s="95">
        <v>7.7014454935054938E-3</v>
      </c>
      <c r="Y154" s="124">
        <v>0.57126389116641652</v>
      </c>
      <c r="Z154" s="95">
        <v>9.7995082758462974E-3</v>
      </c>
      <c r="AA154" s="124">
        <v>5.1563509353409941E-2</v>
      </c>
      <c r="AB154" s="95">
        <v>4.385929178221234E-3</v>
      </c>
    </row>
    <row r="155" spans="1:28">
      <c r="A155" s="43" t="s">
        <v>350</v>
      </c>
      <c r="B155" s="51">
        <v>3733</v>
      </c>
      <c r="C155" s="163">
        <v>0.22436427846585125</v>
      </c>
      <c r="D155" s="92">
        <v>1.3654536010558547E-2</v>
      </c>
      <c r="E155" s="163">
        <v>0.23450321417692144</v>
      </c>
      <c r="F155" s="92">
        <v>1.3867459099300268E-2</v>
      </c>
      <c r="G155" s="163">
        <v>0.37342273877576271</v>
      </c>
      <c r="H155" s="92">
        <v>1.5826611940870993E-2</v>
      </c>
      <c r="I155" s="163">
        <v>0.16770976858146525</v>
      </c>
      <c r="J155" s="92">
        <v>1.2233542717730169E-2</v>
      </c>
      <c r="K155" s="51">
        <v>3722</v>
      </c>
      <c r="L155" s="121">
        <v>0.28157369485150868</v>
      </c>
      <c r="M155" s="92">
        <v>1.474027536895622E-2</v>
      </c>
      <c r="N155" s="121">
        <v>0.20949159926246991</v>
      </c>
      <c r="O155" s="121">
        <v>1.3340818127827088E-2</v>
      </c>
      <c r="P155" s="121">
        <v>0.37189694724866146</v>
      </c>
      <c r="Q155" s="92">
        <v>1.583682301739725E-2</v>
      </c>
      <c r="R155" s="121">
        <v>0.13703775863736017</v>
      </c>
      <c r="S155" s="92">
        <v>1.1280882632758426E-2</v>
      </c>
      <c r="T155" s="122">
        <v>3719</v>
      </c>
      <c r="U155" s="121">
        <v>0.22746135889376895</v>
      </c>
      <c r="V155" s="92">
        <v>1.3746572773353843E-2</v>
      </c>
      <c r="W155" s="121">
        <v>0.21555607141223795</v>
      </c>
      <c r="X155" s="92">
        <v>1.3485516721737577E-2</v>
      </c>
      <c r="Y155" s="121">
        <v>0.47393390618202474</v>
      </c>
      <c r="Z155" s="92">
        <v>1.6366800707834434E-2</v>
      </c>
      <c r="AA155" s="121">
        <v>8.3048663511969767E-2</v>
      </c>
      <c r="AB155" s="92">
        <v>9.0674464806340636E-3</v>
      </c>
    </row>
    <row r="156" spans="1:28">
      <c r="A156" s="47" t="s">
        <v>574</v>
      </c>
      <c r="B156" s="47">
        <v>5002</v>
      </c>
      <c r="C156" s="162">
        <v>0.23082982962475701</v>
      </c>
      <c r="D156" s="95">
        <v>1.1914704127143395E-2</v>
      </c>
      <c r="E156" s="162">
        <v>0.23240732239249653</v>
      </c>
      <c r="F156" s="95">
        <v>1.1943017765714355E-2</v>
      </c>
      <c r="G156" s="162">
        <v>0.36285857626802148</v>
      </c>
      <c r="H156" s="95">
        <v>1.3592502053266148E-2</v>
      </c>
      <c r="I156" s="162">
        <v>0.17390427171472805</v>
      </c>
      <c r="J156" s="95">
        <v>1.0720412484159317E-2</v>
      </c>
      <c r="K156" s="47">
        <v>4992</v>
      </c>
      <c r="L156" s="124">
        <v>0.28745221609903415</v>
      </c>
      <c r="M156" s="95">
        <v>1.2808116139620858E-2</v>
      </c>
      <c r="N156" s="124">
        <v>0.20514888975646939</v>
      </c>
      <c r="O156" s="124">
        <v>1.1430928012254312E-2</v>
      </c>
      <c r="P156" s="124">
        <v>0.36479011518022864</v>
      </c>
      <c r="Q156" s="95">
        <v>1.3621544580988151E-2</v>
      </c>
      <c r="R156" s="124">
        <v>0.14260877896427046</v>
      </c>
      <c r="S156" s="95">
        <v>9.9024854118912355E-3</v>
      </c>
      <c r="T156" s="47">
        <v>4991</v>
      </c>
      <c r="U156" s="124">
        <v>0.22842657990078663</v>
      </c>
      <c r="V156" s="95">
        <v>1.1884190985050662E-2</v>
      </c>
      <c r="W156" s="124">
        <v>0.20934926756399905</v>
      </c>
      <c r="X156" s="95">
        <v>1.1517750496968382E-2</v>
      </c>
      <c r="Y156" s="124">
        <v>0.47721793767917015</v>
      </c>
      <c r="Z156" s="95">
        <v>1.4134540391840965E-2</v>
      </c>
      <c r="AA156" s="124">
        <v>8.5006214856045065E-2</v>
      </c>
      <c r="AB156" s="95">
        <v>7.9061499825977613E-3</v>
      </c>
    </row>
    <row r="157" spans="1:28">
      <c r="A157" s="43" t="s">
        <v>575</v>
      </c>
      <c r="B157" s="51">
        <v>5134</v>
      </c>
      <c r="C157" s="163">
        <v>0.24932617215097255</v>
      </c>
      <c r="D157" s="92">
        <v>1.207413306495494E-2</v>
      </c>
      <c r="E157" s="163">
        <v>0.22245557908642272</v>
      </c>
      <c r="F157" s="92">
        <v>1.1608274349287937E-2</v>
      </c>
      <c r="G157" s="163">
        <v>0.36191060492563998</v>
      </c>
      <c r="H157" s="92">
        <v>1.340918150279574E-2</v>
      </c>
      <c r="I157" s="163">
        <v>0.16630764383696428</v>
      </c>
      <c r="J157" s="92">
        <v>1.0395926969931414E-2</v>
      </c>
      <c r="K157" s="51">
        <v>5138</v>
      </c>
      <c r="L157" s="121">
        <v>0.25944798045778467</v>
      </c>
      <c r="M157" s="92">
        <v>1.222837015246106E-2</v>
      </c>
      <c r="N157" s="121">
        <v>0.21481864387402363</v>
      </c>
      <c r="O157" s="121">
        <v>1.1459026048560488E-2</v>
      </c>
      <c r="P157" s="121">
        <v>0.42868443296967251</v>
      </c>
      <c r="Q157" s="92">
        <v>1.380313888157398E-2</v>
      </c>
      <c r="R157" s="121">
        <v>9.7048942698520435E-2</v>
      </c>
      <c r="S157" s="92">
        <v>8.2683015595557286E-3</v>
      </c>
      <c r="T157" s="122">
        <v>5143</v>
      </c>
      <c r="U157" s="121">
        <v>0.15847293081181277</v>
      </c>
      <c r="V157" s="92">
        <v>1.018730683987489E-2</v>
      </c>
      <c r="W157" s="121">
        <v>0.18368812631280426</v>
      </c>
      <c r="X157" s="92">
        <v>1.0800565980997288E-2</v>
      </c>
      <c r="Y157" s="121">
        <v>0.61715123594076438</v>
      </c>
      <c r="Z157" s="92">
        <v>1.3551330402832962E-2</v>
      </c>
      <c r="AA157" s="121">
        <v>4.0687706934617297E-2</v>
      </c>
      <c r="AB157" s="92">
        <v>5.5307043739812288E-3</v>
      </c>
    </row>
    <row r="158" spans="1:28">
      <c r="A158" s="47" t="s">
        <v>576</v>
      </c>
      <c r="B158" s="47">
        <v>3129</v>
      </c>
      <c r="C158" s="162">
        <v>0.34491644284412798</v>
      </c>
      <c r="D158" s="95">
        <v>1.6986897720538709E-2</v>
      </c>
      <c r="E158" s="162">
        <v>0.24035646309492201</v>
      </c>
      <c r="F158" s="95">
        <v>1.5275207668841335E-2</v>
      </c>
      <c r="G158" s="162">
        <v>0.2933301368477032</v>
      </c>
      <c r="H158" s="95">
        <v>1.6272361183243416E-2</v>
      </c>
      <c r="I158" s="162">
        <v>0.12139695721324044</v>
      </c>
      <c r="J158" s="95">
        <v>1.1689433489694834E-2</v>
      </c>
      <c r="K158" s="47">
        <v>3124</v>
      </c>
      <c r="L158" s="124">
        <v>0.33595712914469172</v>
      </c>
      <c r="M158" s="95">
        <v>1.6892874305828507E-2</v>
      </c>
      <c r="N158" s="124">
        <v>0.2068605898789477</v>
      </c>
      <c r="O158" s="124">
        <v>1.4494417187943138E-2</v>
      </c>
      <c r="P158" s="124">
        <v>0.38989182185779936</v>
      </c>
      <c r="Q158" s="95">
        <v>1.7442165172943263E-2</v>
      </c>
      <c r="R158" s="124">
        <v>6.7290459118555704E-2</v>
      </c>
      <c r="S158" s="95">
        <v>8.992822902315541E-3</v>
      </c>
      <c r="T158" s="47">
        <v>3130</v>
      </c>
      <c r="U158" s="124">
        <v>0.20571254753880969</v>
      </c>
      <c r="V158" s="95">
        <v>1.4450842078855223E-2</v>
      </c>
      <c r="W158" s="124">
        <v>0.18023290143982204</v>
      </c>
      <c r="X158" s="95">
        <v>1.3744400586537588E-2</v>
      </c>
      <c r="Y158" s="124">
        <v>0.58685900044615591</v>
      </c>
      <c r="Z158" s="95">
        <v>1.7591941364853293E-2</v>
      </c>
      <c r="AA158" s="124">
        <v>2.7195550575206184E-2</v>
      </c>
      <c r="AB158" s="95">
        <v>5.8731776273264029E-3</v>
      </c>
    </row>
    <row r="159" spans="1:28">
      <c r="A159" s="43" t="s">
        <v>577</v>
      </c>
      <c r="B159" s="51">
        <v>413</v>
      </c>
      <c r="C159" s="163">
        <v>0.38639824519980226</v>
      </c>
      <c r="D159" s="92">
        <v>4.7714281395569325E-2</v>
      </c>
      <c r="E159" s="163">
        <v>0.16013377268732804</v>
      </c>
      <c r="F159" s="92">
        <v>3.6210988466529544E-2</v>
      </c>
      <c r="G159" s="163">
        <v>0.34964222150302782</v>
      </c>
      <c r="H159" s="92">
        <v>4.6747874654901218E-2</v>
      </c>
      <c r="I159" s="163">
        <v>0.10382576060984167</v>
      </c>
      <c r="J159" s="92">
        <v>3.0352468003823387E-2</v>
      </c>
      <c r="K159" s="51">
        <v>413</v>
      </c>
      <c r="L159" s="121">
        <v>0.35441177522310979</v>
      </c>
      <c r="M159" s="92">
        <v>4.6889712439600009E-2</v>
      </c>
      <c r="N159" s="121">
        <v>0.20074895736035067</v>
      </c>
      <c r="O159" s="121">
        <v>3.9439548740403646E-2</v>
      </c>
      <c r="P159" s="121">
        <v>0.39217977741230792</v>
      </c>
      <c r="Q159" s="92">
        <v>4.7840337510954102E-2</v>
      </c>
      <c r="R159" s="121">
        <v>5.2659490004231209E-2</v>
      </c>
      <c r="S159" s="92">
        <v>2.269750272058435E-2</v>
      </c>
      <c r="T159" s="122">
        <v>415</v>
      </c>
      <c r="U159" s="121">
        <v>0.21047646189284605</v>
      </c>
      <c r="V159" s="92">
        <v>4.0020154516719676E-2</v>
      </c>
      <c r="W159" s="121">
        <v>0.15720636304465921</v>
      </c>
      <c r="X159" s="92">
        <v>3.586309060235867E-2</v>
      </c>
      <c r="Y159" s="121">
        <v>0.61313406409314231</v>
      </c>
      <c r="Z159" s="92">
        <v>4.7610581785951386E-2</v>
      </c>
      <c r="AA159" s="121">
        <v>1.9183110969352244E-2</v>
      </c>
      <c r="AB159" s="92">
        <v>1.4884786164852457E-2</v>
      </c>
    </row>
    <row r="160" spans="1:28">
      <c r="A160" s="47" t="s">
        <v>578</v>
      </c>
      <c r="B160" s="47">
        <v>141</v>
      </c>
      <c r="C160" s="162">
        <v>0.314188839324054</v>
      </c>
      <c r="D160" s="95">
        <v>7.7433452543777509E-2</v>
      </c>
      <c r="E160" s="162">
        <v>0.25078318068727329</v>
      </c>
      <c r="F160" s="95">
        <v>7.2639006676669574E-2</v>
      </c>
      <c r="G160" s="162">
        <v>0.33108745874582235</v>
      </c>
      <c r="H160" s="95">
        <v>7.8436618785847095E-2</v>
      </c>
      <c r="I160" s="162">
        <v>0.10394052124284991</v>
      </c>
      <c r="J160" s="95">
        <v>5.2959850270398234E-2</v>
      </c>
      <c r="K160" s="47">
        <v>142</v>
      </c>
      <c r="L160" s="124">
        <v>0.3492446921279746</v>
      </c>
      <c r="M160" s="95">
        <v>7.9122083907400234E-2</v>
      </c>
      <c r="N160" s="124">
        <v>0.19766005441985449</v>
      </c>
      <c r="O160" s="124">
        <v>6.6934988099287718E-2</v>
      </c>
      <c r="P160" s="124">
        <v>0.36716578901532615</v>
      </c>
      <c r="Q160" s="95">
        <v>7.9950099725559345E-2</v>
      </c>
      <c r="R160" s="124">
        <v>8.5929464436844447E-2</v>
      </c>
      <c r="S160" s="95">
        <v>4.9048943493970529E-2</v>
      </c>
      <c r="T160" s="47">
        <v>142</v>
      </c>
      <c r="U160" s="124">
        <v>0.31885960453776963</v>
      </c>
      <c r="V160" s="95">
        <v>7.7452846890365606E-2</v>
      </c>
      <c r="W160" s="124">
        <v>0.17052828335413001</v>
      </c>
      <c r="X160" s="95">
        <v>6.3529723721123282E-2</v>
      </c>
      <c r="Y160" s="124">
        <v>0.49771395463453383</v>
      </c>
      <c r="Z160" s="95">
        <v>8.2759770590704218E-2</v>
      </c>
      <c r="AA160" s="124">
        <v>1.2898157473565992E-2</v>
      </c>
      <c r="AB160" s="95">
        <v>2.6459944752201484E-2</v>
      </c>
    </row>
    <row r="161" spans="1:28">
      <c r="A161" s="43" t="s">
        <v>581</v>
      </c>
      <c r="B161" s="51">
        <v>9823</v>
      </c>
      <c r="C161" s="163">
        <v>0.24674221311159006</v>
      </c>
      <c r="D161" s="92">
        <v>8.699094405917672E-3</v>
      </c>
      <c r="E161" s="163">
        <v>0.23230905477875055</v>
      </c>
      <c r="F161" s="92">
        <v>8.5215147283479887E-3</v>
      </c>
      <c r="G161" s="163">
        <v>0.35309745811363269</v>
      </c>
      <c r="H161" s="92">
        <v>9.6427951155324335E-3</v>
      </c>
      <c r="I161" s="163">
        <v>0.16785127399604977</v>
      </c>
      <c r="J161" s="92">
        <v>7.5426137165000252E-3</v>
      </c>
      <c r="K161" s="51">
        <v>9814</v>
      </c>
      <c r="L161" s="121">
        <v>0.28876513522563724</v>
      </c>
      <c r="M161" s="92">
        <v>9.1482033261417357E-3</v>
      </c>
      <c r="N161" s="121">
        <v>0.20867665059722953</v>
      </c>
      <c r="O161" s="121">
        <v>8.2039555927471697E-3</v>
      </c>
      <c r="P161" s="121">
        <v>0.37373688488962237</v>
      </c>
      <c r="Q161" s="92">
        <v>9.765442528081824E-3</v>
      </c>
      <c r="R161" s="121">
        <v>0.12882132928753459</v>
      </c>
      <c r="S161" s="92">
        <v>6.7652375440665534E-3</v>
      </c>
      <c r="T161" s="122">
        <v>9820</v>
      </c>
      <c r="U161" s="121">
        <v>0.21700641564023368</v>
      </c>
      <c r="V161" s="92">
        <v>8.3192565859937125E-3</v>
      </c>
      <c r="W161" s="121">
        <v>0.20513380212825461</v>
      </c>
      <c r="X161" s="92">
        <v>8.1497765284492471E-3</v>
      </c>
      <c r="Y161" s="121">
        <v>0.50561553447522922</v>
      </c>
      <c r="Z161" s="92">
        <v>1.0088543092493549E-2</v>
      </c>
      <c r="AA161" s="121">
        <v>7.2244247756303115E-2</v>
      </c>
      <c r="AB161" s="92">
        <v>5.229815725576379E-3</v>
      </c>
    </row>
    <row r="162" spans="1:28">
      <c r="A162" s="47" t="s">
        <v>580</v>
      </c>
      <c r="B162" s="47">
        <v>4019</v>
      </c>
      <c r="C162" s="162">
        <v>0.26206211018630127</v>
      </c>
      <c r="D162" s="95">
        <v>1.3870538313873377E-2</v>
      </c>
      <c r="E162" s="162">
        <v>0.22735477197280246</v>
      </c>
      <c r="F162" s="95">
        <v>1.3221466851264008E-2</v>
      </c>
      <c r="G162" s="162">
        <v>0.37145746790784678</v>
      </c>
      <c r="H162" s="95">
        <v>1.5237278440761358E-2</v>
      </c>
      <c r="I162" s="162">
        <v>0.13912564993304932</v>
      </c>
      <c r="J162" s="95">
        <v>1.0924391417379553E-2</v>
      </c>
      <c r="K162" s="47">
        <v>4016</v>
      </c>
      <c r="L162" s="124">
        <v>0.26942938994926968</v>
      </c>
      <c r="M162" s="95">
        <v>1.3998682872476471E-2</v>
      </c>
      <c r="N162" s="124">
        <v>0.21250798042170527</v>
      </c>
      <c r="O162" s="124">
        <v>1.2910435355178454E-2</v>
      </c>
      <c r="P162" s="124">
        <v>0.43231905120862618</v>
      </c>
      <c r="Q162" s="95">
        <v>1.5627135491176967E-2</v>
      </c>
      <c r="R162" s="124">
        <v>8.5743578420398786E-2</v>
      </c>
      <c r="S162" s="95">
        <v>8.8510592723868367E-3</v>
      </c>
      <c r="T162" s="47">
        <v>4022</v>
      </c>
      <c r="U162" s="124">
        <v>0.16865426759600538</v>
      </c>
      <c r="V162" s="95">
        <v>1.1811908040708965E-2</v>
      </c>
      <c r="W162" s="124">
        <v>0.17034021449227293</v>
      </c>
      <c r="X162" s="95">
        <v>1.1858591643183937E-2</v>
      </c>
      <c r="Y162" s="124">
        <v>0.62030408406110848</v>
      </c>
      <c r="Z162" s="95">
        <v>1.5298184479457144E-2</v>
      </c>
      <c r="AA162" s="124">
        <v>4.0701433850613623E-2</v>
      </c>
      <c r="AB162" s="95">
        <v>6.261704750421703E-3</v>
      </c>
    </row>
    <row r="163" spans="1:28">
      <c r="A163" s="43" t="s">
        <v>583</v>
      </c>
      <c r="B163" s="160">
        <v>918</v>
      </c>
      <c r="C163" s="163">
        <v>0.32076285581143993</v>
      </c>
      <c r="D163" s="92">
        <v>3.0764107859842557E-2</v>
      </c>
      <c r="E163" s="163">
        <v>0.22594958895427614</v>
      </c>
      <c r="F163" s="92">
        <v>2.7596929708008793E-2</v>
      </c>
      <c r="G163" s="163">
        <v>0.31733658816744581</v>
      </c>
      <c r="H163" s="92">
        <v>3.0677311425050664E-2</v>
      </c>
      <c r="I163" s="163">
        <v>0.13595096706683496</v>
      </c>
      <c r="J163" s="92">
        <v>2.268484035288567E-2</v>
      </c>
      <c r="K163" s="122">
        <v>916</v>
      </c>
      <c r="L163" s="121">
        <v>0.33039026287407336</v>
      </c>
      <c r="M163" s="92">
        <v>3.1031691032348957E-2</v>
      </c>
      <c r="N163" s="121">
        <v>0.18931243327746772</v>
      </c>
      <c r="O163" s="121">
        <v>2.5902054169650128E-2</v>
      </c>
      <c r="P163" s="121">
        <v>0.40691134705226822</v>
      </c>
      <c r="Q163" s="92">
        <v>3.2397644240301005E-2</v>
      </c>
      <c r="R163" s="121">
        <v>7.3385956796188867E-2</v>
      </c>
      <c r="S163" s="92">
        <v>1.739310488171851E-2</v>
      </c>
      <c r="T163" s="122">
        <v>919</v>
      </c>
      <c r="U163" s="121">
        <v>0.18770378131147247</v>
      </c>
      <c r="V163" s="92">
        <v>2.5776316009530398E-2</v>
      </c>
      <c r="W163" s="121">
        <v>0.15772194302780262</v>
      </c>
      <c r="X163" s="92">
        <v>2.4085344200422926E-2</v>
      </c>
      <c r="Y163" s="121">
        <v>0.62405759662812132</v>
      </c>
      <c r="Z163" s="92">
        <v>3.1895197917387916E-2</v>
      </c>
      <c r="AA163" s="121">
        <v>3.0516679032602086E-2</v>
      </c>
      <c r="AB163" s="92">
        <v>1.1682267162491199E-2</v>
      </c>
    </row>
    <row r="164" spans="1:28">
      <c r="A164" s="47" t="s">
        <v>582</v>
      </c>
      <c r="B164" s="161">
        <v>3101</v>
      </c>
      <c r="C164" s="162">
        <v>0.24105727397995455</v>
      </c>
      <c r="D164" s="95">
        <v>1.5359201469964699E-2</v>
      </c>
      <c r="E164" s="162">
        <v>0.22785758737710002</v>
      </c>
      <c r="F164" s="95">
        <v>1.506311800379458E-2</v>
      </c>
      <c r="G164" s="162">
        <v>0.39082349473057271</v>
      </c>
      <c r="H164" s="95">
        <v>1.7514150944130322E-2</v>
      </c>
      <c r="I164" s="162">
        <v>0.14026164391237214</v>
      </c>
      <c r="J164" s="95">
        <v>1.2481046667496496E-2</v>
      </c>
      <c r="K164" s="125">
        <v>3100</v>
      </c>
      <c r="L164" s="124">
        <v>0.24763729091373585</v>
      </c>
      <c r="M164" s="95">
        <v>1.5501791503192268E-2</v>
      </c>
      <c r="N164" s="124">
        <v>0.22079985086742743</v>
      </c>
      <c r="O164" s="124">
        <v>1.4898628956554675E-2</v>
      </c>
      <c r="P164" s="124">
        <v>0.44140171650975796</v>
      </c>
      <c r="Q164" s="95">
        <v>1.7825582701961669E-2</v>
      </c>
      <c r="R164" s="124">
        <v>9.0161141709077713E-2</v>
      </c>
      <c r="S164" s="95">
        <v>1.0308685297718391E-2</v>
      </c>
      <c r="T164" s="47">
        <v>3103</v>
      </c>
      <c r="U164" s="124">
        <v>0.16183008934282012</v>
      </c>
      <c r="V164" s="95">
        <v>1.3228957362661251E-2</v>
      </c>
      <c r="W164" s="124">
        <v>0.17486050487904023</v>
      </c>
      <c r="X164" s="95">
        <v>1.3641996420968671E-2</v>
      </c>
      <c r="Y164" s="124">
        <v>0.61895944927328661</v>
      </c>
      <c r="Z164" s="95">
        <v>1.7426476691363438E-2</v>
      </c>
      <c r="AA164" s="124">
        <v>4.4349956504851518E-2</v>
      </c>
      <c r="AB164" s="95">
        <v>7.4331932713702616E-3</v>
      </c>
    </row>
    <row r="165" spans="1:28">
      <c r="A165" s="43" t="s">
        <v>568</v>
      </c>
      <c r="B165" s="81">
        <v>8267</v>
      </c>
      <c r="C165" s="163">
        <v>0.25963071058574516</v>
      </c>
      <c r="D165" s="92">
        <v>9.6430922253424537E-3</v>
      </c>
      <c r="E165" s="163">
        <v>0.21984976478985691</v>
      </c>
      <c r="F165" s="92">
        <v>9.1095972029115943E-3</v>
      </c>
      <c r="G165" s="163">
        <v>0.34989384630486725</v>
      </c>
      <c r="H165" s="92">
        <v>1.0488951437677809E-2</v>
      </c>
      <c r="I165" s="163">
        <v>0.17062567831952025</v>
      </c>
      <c r="J165" s="92">
        <v>8.2757886561082416E-3</v>
      </c>
      <c r="K165" s="81">
        <v>8268</v>
      </c>
      <c r="L165" s="96">
        <v>0.29217801466029503</v>
      </c>
      <c r="M165" s="92">
        <v>1.0001251906999775E-2</v>
      </c>
      <c r="N165" s="96">
        <v>0.20098712253865408</v>
      </c>
      <c r="O165" s="96">
        <v>8.8145998045372851E-3</v>
      </c>
      <c r="P165" s="96">
        <v>0.37644142159850608</v>
      </c>
      <c r="Q165" s="92">
        <v>1.065431957276863E-2</v>
      </c>
      <c r="R165" s="121">
        <v>0.13039344120253371</v>
      </c>
      <c r="S165" s="92">
        <v>7.4091230807651178E-3</v>
      </c>
      <c r="T165" s="122">
        <v>8266</v>
      </c>
      <c r="U165" s="121">
        <v>0.21052634976475545</v>
      </c>
      <c r="V165" s="92">
        <v>8.9681970801638432E-3</v>
      </c>
      <c r="W165" s="121">
        <v>0.19881439290164957</v>
      </c>
      <c r="X165" s="92">
        <v>8.7798538224187345E-3</v>
      </c>
      <c r="Y165" s="121">
        <v>0.52183732949172124</v>
      </c>
      <c r="Z165" s="92">
        <v>1.098583439277755E-2</v>
      </c>
      <c r="AA165" s="121">
        <v>6.8821927841861474E-2</v>
      </c>
      <c r="AB165" s="92">
        <v>5.575263702480013E-3</v>
      </c>
    </row>
    <row r="166" spans="1:28">
      <c r="A166" s="47" t="s">
        <v>569</v>
      </c>
      <c r="B166" s="161">
        <v>5515</v>
      </c>
      <c r="C166" s="162">
        <v>0.23215233828932835</v>
      </c>
      <c r="D166" s="95">
        <v>1.1369738103084672E-2</v>
      </c>
      <c r="E166" s="162">
        <v>0.24138805710168273</v>
      </c>
      <c r="F166" s="95">
        <v>1.1523447130904621E-2</v>
      </c>
      <c r="G166" s="162">
        <v>0.36624026328963899</v>
      </c>
      <c r="H166" s="95">
        <v>1.297087928519549E-2</v>
      </c>
      <c r="I166" s="162">
        <v>0.1602193413193686</v>
      </c>
      <c r="J166" s="95">
        <v>9.8812075834301145E-3</v>
      </c>
      <c r="K166" s="125">
        <v>5504</v>
      </c>
      <c r="L166" s="124">
        <v>0.28127764701638552</v>
      </c>
      <c r="M166" s="95">
        <v>1.211869375534505E-2</v>
      </c>
      <c r="N166" s="124">
        <v>0.21410941904186959</v>
      </c>
      <c r="O166" s="124">
        <v>1.1058215429439855E-2</v>
      </c>
      <c r="P166" s="124">
        <v>0.38657495072737352</v>
      </c>
      <c r="Q166" s="95">
        <v>1.3123441562890702E-2</v>
      </c>
      <c r="R166" s="124">
        <v>0.11803798321439114</v>
      </c>
      <c r="S166" s="95">
        <v>8.7038269636498869E-3</v>
      </c>
      <c r="T166" s="47">
        <v>5517</v>
      </c>
      <c r="U166" s="124">
        <v>0.21117351360585448</v>
      </c>
      <c r="V166" s="95">
        <v>1.0989781184611995E-2</v>
      </c>
      <c r="W166" s="124">
        <v>0.20558576792569941</v>
      </c>
      <c r="X166" s="95">
        <v>1.0881982520156644E-2</v>
      </c>
      <c r="Y166" s="124">
        <v>0.51438901761022571</v>
      </c>
      <c r="Z166" s="95">
        <v>1.3452762548783505E-2</v>
      </c>
      <c r="AA166" s="124">
        <v>6.8851700858241383E-2</v>
      </c>
      <c r="AB166" s="95">
        <v>6.8296423883717483E-3</v>
      </c>
    </row>
    <row r="167" spans="1:28">
      <c r="A167" s="55" t="s">
        <v>570</v>
      </c>
      <c r="B167" s="160">
        <v>1778</v>
      </c>
      <c r="C167" s="163">
        <v>0.26878925401336079</v>
      </c>
      <c r="D167" s="92">
        <v>2.1016871766944601E-2</v>
      </c>
      <c r="E167" s="163">
        <v>0.24584665790728294</v>
      </c>
      <c r="F167" s="92">
        <v>2.0416303490379952E-2</v>
      </c>
      <c r="G167" s="163">
        <v>0.38328311719911057</v>
      </c>
      <c r="H167" s="92">
        <v>2.3037482663060511E-2</v>
      </c>
      <c r="I167" s="163">
        <v>0.10208097088024794</v>
      </c>
      <c r="J167" s="92">
        <v>1.4399345930078161E-2</v>
      </c>
      <c r="K167" s="122">
        <v>1775</v>
      </c>
      <c r="L167" s="121">
        <v>0.31002288385961058</v>
      </c>
      <c r="M167" s="92">
        <v>2.1939198118940361E-2</v>
      </c>
      <c r="N167" s="121">
        <v>0.22281674037338831</v>
      </c>
      <c r="O167" s="121">
        <v>1.9751949812944019E-2</v>
      </c>
      <c r="P167" s="121">
        <v>0.35416241087997924</v>
      </c>
      <c r="Q167" s="92">
        <v>2.2682744010454104E-2</v>
      </c>
      <c r="R167" s="121">
        <v>0.11299796488702415</v>
      </c>
      <c r="S167" s="92">
        <v>1.5062334202785065E-2</v>
      </c>
      <c r="T167" s="122">
        <v>1778</v>
      </c>
      <c r="U167" s="121">
        <v>0.25219518376328742</v>
      </c>
      <c r="V167" s="92">
        <v>2.0589959820700336E-2</v>
      </c>
      <c r="W167" s="121">
        <v>0.23426302462112156</v>
      </c>
      <c r="X167" s="92">
        <v>2.0084027961940486E-2</v>
      </c>
      <c r="Y167" s="121">
        <v>0.44500812227740577</v>
      </c>
      <c r="Z167" s="92">
        <v>2.3545903033920155E-2</v>
      </c>
      <c r="AA167" s="121">
        <v>6.853366933818679E-2</v>
      </c>
      <c r="AB167" s="92">
        <v>1.2048500657431134E-2</v>
      </c>
    </row>
    <row r="168" spans="1:28">
      <c r="A168" s="47" t="s">
        <v>571</v>
      </c>
      <c r="B168" s="161">
        <v>3783</v>
      </c>
      <c r="C168" s="162">
        <v>0.26849577141533687</v>
      </c>
      <c r="D168" s="95">
        <v>1.440736504389455E-2</v>
      </c>
      <c r="E168" s="162">
        <v>0.23867253810649169</v>
      </c>
      <c r="F168" s="95">
        <v>1.3859308448339106E-2</v>
      </c>
      <c r="G168" s="162">
        <v>0.35734219057844607</v>
      </c>
      <c r="H168" s="95">
        <v>1.5575966758131833E-2</v>
      </c>
      <c r="I168" s="162">
        <v>0.13548949989972586</v>
      </c>
      <c r="J168" s="95">
        <v>1.1136269944689775E-2</v>
      </c>
      <c r="K168" s="125">
        <v>3783</v>
      </c>
      <c r="L168" s="124">
        <v>0.31920115997515347</v>
      </c>
      <c r="M168" s="95">
        <v>1.5152801392440081E-2</v>
      </c>
      <c r="N168" s="124">
        <v>0.20901713560039104</v>
      </c>
      <c r="O168" s="124">
        <v>1.3221828015240246E-2</v>
      </c>
      <c r="P168" s="124">
        <v>0.36840622712833043</v>
      </c>
      <c r="Q168" s="95">
        <v>1.567829611430294E-2</v>
      </c>
      <c r="R168" s="124">
        <v>0.10337547729612526</v>
      </c>
      <c r="S168" s="95">
        <v>9.9122706009413808E-3</v>
      </c>
      <c r="T168" s="47">
        <v>3780</v>
      </c>
      <c r="U168" s="124">
        <v>0.23790487783022363</v>
      </c>
      <c r="V168" s="95">
        <v>1.384951210427487E-2</v>
      </c>
      <c r="W168" s="124">
        <v>0.22217226206386173</v>
      </c>
      <c r="X168" s="95">
        <v>1.3522155122196473E-2</v>
      </c>
      <c r="Y168" s="124">
        <v>0.48075514463366331</v>
      </c>
      <c r="Z168" s="95">
        <v>1.624438163207426E-2</v>
      </c>
      <c r="AA168" s="124">
        <v>5.9167715472251359E-2</v>
      </c>
      <c r="AB168" s="95">
        <v>7.6992580840298079E-3</v>
      </c>
    </row>
    <row r="169" spans="1:28">
      <c r="A169" s="55" t="s">
        <v>572</v>
      </c>
      <c r="B169" s="160">
        <v>4170</v>
      </c>
      <c r="C169" s="163">
        <v>0.25182915493090885</v>
      </c>
      <c r="D169" s="92">
        <v>1.3441356692798249E-2</v>
      </c>
      <c r="E169" s="163">
        <v>0.2261378005358429</v>
      </c>
      <c r="F169" s="92">
        <v>1.2955386748611708E-2</v>
      </c>
      <c r="G169" s="163">
        <v>0.32762657696684677</v>
      </c>
      <c r="H169" s="92">
        <v>1.453130796146798E-2</v>
      </c>
      <c r="I169" s="163">
        <v>0.19440646756640817</v>
      </c>
      <c r="J169" s="92">
        <v>1.2257870396318864E-2</v>
      </c>
      <c r="K169" s="122">
        <v>4166</v>
      </c>
      <c r="L169" s="121">
        <v>0.29239252117247111</v>
      </c>
      <c r="M169" s="92">
        <v>1.4090552733775484E-2</v>
      </c>
      <c r="N169" s="121">
        <v>0.20506343707288835</v>
      </c>
      <c r="O169" s="121">
        <v>1.251106853640002E-2</v>
      </c>
      <c r="P169" s="121">
        <v>0.35970421115611062</v>
      </c>
      <c r="Q169" s="92">
        <v>1.4864853514961803E-2</v>
      </c>
      <c r="R169" s="121">
        <v>0.14283983059853775</v>
      </c>
      <c r="S169" s="92">
        <v>1.0848033425426E-2</v>
      </c>
      <c r="T169" s="122">
        <v>4167</v>
      </c>
      <c r="U169" s="121">
        <v>0.20442493463685232</v>
      </c>
      <c r="V169" s="92">
        <v>1.2495134174046756E-2</v>
      </c>
      <c r="W169" s="121">
        <v>0.17917497665277657</v>
      </c>
      <c r="X169" s="92">
        <v>1.1884065052432655E-2</v>
      </c>
      <c r="Y169" s="121">
        <v>0.53573881567760229</v>
      </c>
      <c r="Z169" s="92">
        <v>1.5444355247659851E-2</v>
      </c>
      <c r="AA169" s="121">
        <v>8.0661273032776176E-2</v>
      </c>
      <c r="AB169" s="92">
        <v>8.4521098286514558E-3</v>
      </c>
    </row>
    <row r="170" spans="1:28">
      <c r="A170" s="47" t="s">
        <v>573</v>
      </c>
      <c r="B170" s="161">
        <v>3984</v>
      </c>
      <c r="C170" s="162">
        <v>0.17770160570054042</v>
      </c>
      <c r="D170" s="95">
        <v>1.2114963275968295E-2</v>
      </c>
      <c r="E170" s="162">
        <v>0.20400766504669174</v>
      </c>
      <c r="F170" s="95">
        <v>1.2769234893442208E-2</v>
      </c>
      <c r="G170" s="162">
        <v>0.3695819494851858</v>
      </c>
      <c r="H170" s="95">
        <v>1.5288113497995899E-2</v>
      </c>
      <c r="I170" s="162">
        <v>0.2487087797675768</v>
      </c>
      <c r="J170" s="95">
        <v>1.3694595998545714E-2</v>
      </c>
      <c r="K170" s="125">
        <v>3981</v>
      </c>
      <c r="L170" s="124">
        <v>0.19904189253658214</v>
      </c>
      <c r="M170" s="95">
        <v>1.2657279920646644E-2</v>
      </c>
      <c r="N170" s="124">
        <v>0.19244035625576789</v>
      </c>
      <c r="O170" s="124">
        <v>1.2497301820507943E-2</v>
      </c>
      <c r="P170" s="124">
        <v>0.45764853203149813</v>
      </c>
      <c r="Q170" s="95">
        <v>1.5784303692652567E-2</v>
      </c>
      <c r="R170" s="124">
        <v>0.1508692191761461</v>
      </c>
      <c r="S170" s="95">
        <v>1.1350568712410353E-2</v>
      </c>
      <c r="T170" s="47">
        <v>3992</v>
      </c>
      <c r="U170" s="124">
        <v>0.13059927766376359</v>
      </c>
      <c r="V170" s="95">
        <v>1.0673803758183725E-2</v>
      </c>
      <c r="W170" s="124">
        <v>0.1579213078803893</v>
      </c>
      <c r="X170" s="95">
        <v>1.1547712792990866E-2</v>
      </c>
      <c r="Y170" s="124">
        <v>0.63711479588764031</v>
      </c>
      <c r="Z170" s="95">
        <v>1.521409284527824E-2</v>
      </c>
      <c r="AA170" s="124">
        <v>7.4364618568198954E-2</v>
      </c>
      <c r="AB170" s="95">
        <v>8.3226378327456892E-3</v>
      </c>
    </row>
    <row r="171" spans="1:28">
      <c r="A171" s="55" t="s">
        <v>579</v>
      </c>
      <c r="B171" s="160">
        <v>9652</v>
      </c>
      <c r="C171" s="163">
        <v>0.25838812883787421</v>
      </c>
      <c r="D171" s="92">
        <v>8.9106784212039953E-3</v>
      </c>
      <c r="E171" s="163">
        <v>0.22972926258689788</v>
      </c>
      <c r="F171" s="92">
        <v>8.5631876916350946E-3</v>
      </c>
      <c r="G171" s="163">
        <v>0.34120962138266542</v>
      </c>
      <c r="H171" s="92">
        <v>9.6501885884522961E-3</v>
      </c>
      <c r="I171" s="163">
        <v>0.17067298719258783</v>
      </c>
      <c r="J171" s="92">
        <v>7.6597473815678283E-3</v>
      </c>
      <c r="K171" s="122">
        <v>9634</v>
      </c>
      <c r="L171" s="121">
        <v>0.29210288392863959</v>
      </c>
      <c r="M171" s="92">
        <v>9.2646110657607014E-3</v>
      </c>
      <c r="N171" s="121">
        <v>0.20895649759005192</v>
      </c>
      <c r="O171" s="121">
        <v>8.284322302831262E-3</v>
      </c>
      <c r="P171" s="121">
        <v>0.37406156645511318</v>
      </c>
      <c r="Q171" s="92">
        <v>9.8579382815159045E-3</v>
      </c>
      <c r="R171" s="121">
        <v>0.12487905202622025</v>
      </c>
      <c r="S171" s="92">
        <v>6.738252508278717E-3</v>
      </c>
      <c r="T171" s="122">
        <v>9645</v>
      </c>
      <c r="U171" s="121">
        <v>0.21561847444278454</v>
      </c>
      <c r="V171" s="92">
        <v>8.3749372149341562E-3</v>
      </c>
      <c r="W171" s="121">
        <v>0.19412169498765222</v>
      </c>
      <c r="X171" s="92">
        <v>8.0550499568158244E-3</v>
      </c>
      <c r="Y171" s="121">
        <v>0.5232447591546362</v>
      </c>
      <c r="Z171" s="92">
        <v>1.0169261466203143E-2</v>
      </c>
      <c r="AA171" s="121">
        <v>6.7015071414948918E-2</v>
      </c>
      <c r="AB171" s="92">
        <v>5.0974321255055268E-3</v>
      </c>
    </row>
    <row r="172" spans="1:28">
      <c r="A172" s="47" t="s">
        <v>585</v>
      </c>
      <c r="B172" s="161">
        <v>1549</v>
      </c>
      <c r="C172" s="162">
        <v>0.2131018097301377</v>
      </c>
      <c r="D172" s="95">
        <v>2.0808691684503184E-2</v>
      </c>
      <c r="E172" s="162">
        <v>0.25945852483436516</v>
      </c>
      <c r="F172" s="95">
        <v>2.2263276932831404E-2</v>
      </c>
      <c r="G172" s="162">
        <v>0.33547294187966381</v>
      </c>
      <c r="H172" s="95">
        <v>2.3969830223593454E-2</v>
      </c>
      <c r="I172" s="162">
        <v>0.19196672355583594</v>
      </c>
      <c r="J172" s="95">
        <v>2.001954303119817E-2</v>
      </c>
      <c r="K172" s="125">
        <v>1549</v>
      </c>
      <c r="L172" s="124">
        <v>0.2546043764093997</v>
      </c>
      <c r="M172" s="95">
        <v>2.212711598103519E-2</v>
      </c>
      <c r="N172" s="124">
        <v>0.20553702401358859</v>
      </c>
      <c r="O172" s="124">
        <v>2.0536126726974954E-2</v>
      </c>
      <c r="P172" s="124">
        <v>0.39800442307010664</v>
      </c>
      <c r="Q172" s="95">
        <v>2.4844677729487036E-2</v>
      </c>
      <c r="R172" s="124">
        <v>0.14185417650690757</v>
      </c>
      <c r="S172" s="95">
        <v>1.7754965924441164E-2</v>
      </c>
      <c r="T172" s="47">
        <v>1545</v>
      </c>
      <c r="U172" s="124">
        <v>0.17571025802939386</v>
      </c>
      <c r="V172" s="95">
        <v>1.9375571362369566E-2</v>
      </c>
      <c r="W172" s="124">
        <v>0.2057577594263732</v>
      </c>
      <c r="X172" s="95">
        <v>2.0570813106777913E-2</v>
      </c>
      <c r="Y172" s="124">
        <v>0.54032456366630688</v>
      </c>
      <c r="Z172" s="95">
        <v>2.5325884597194905E-2</v>
      </c>
      <c r="AA172" s="124">
        <v>7.8207418877928189E-2</v>
      </c>
      <c r="AB172" s="95">
        <v>1.3730662425748779E-2</v>
      </c>
    </row>
    <row r="173" spans="1:28">
      <c r="A173" s="55" t="s">
        <v>586</v>
      </c>
      <c r="B173" s="160">
        <v>909</v>
      </c>
      <c r="C173" s="163">
        <v>0.2091564392460975</v>
      </c>
      <c r="D173" s="92">
        <v>2.6980143939419811E-2</v>
      </c>
      <c r="E173" s="163">
        <v>0.2015726474104578</v>
      </c>
      <c r="F173" s="92">
        <v>2.6618045448700924E-2</v>
      </c>
      <c r="G173" s="163">
        <v>0.46265464811688234</v>
      </c>
      <c r="H173" s="92">
        <v>3.3003535840091663E-2</v>
      </c>
      <c r="I173" s="163">
        <v>0.12661626522656244</v>
      </c>
      <c r="J173" s="92">
        <v>2.2132085151134306E-2</v>
      </c>
      <c r="K173" s="122">
        <v>909</v>
      </c>
      <c r="L173" s="121">
        <v>0.25433963870330184</v>
      </c>
      <c r="M173" s="92">
        <v>2.8865259062136488E-2</v>
      </c>
      <c r="N173" s="121">
        <v>0.21380419934565456</v>
      </c>
      <c r="O173" s="121">
        <v>2.7195136483552054E-2</v>
      </c>
      <c r="P173" s="121">
        <v>0.4179572500525805</v>
      </c>
      <c r="Q173" s="92">
        <v>3.2650550267774317E-2</v>
      </c>
      <c r="R173" s="121">
        <v>0.11389891189846349</v>
      </c>
      <c r="S173" s="92">
        <v>2.1163249386259148E-2</v>
      </c>
      <c r="T173" s="122">
        <v>909</v>
      </c>
      <c r="U173" s="121">
        <v>0.19561640289908033</v>
      </c>
      <c r="V173" s="92">
        <v>2.6323513541667801E-2</v>
      </c>
      <c r="W173" s="121">
        <v>0.24514020616061769</v>
      </c>
      <c r="X173" s="92">
        <v>2.8516775665700211E-2</v>
      </c>
      <c r="Y173" s="121">
        <v>0.48586883763508765</v>
      </c>
      <c r="Z173" s="92">
        <v>3.3082065051883235E-2</v>
      </c>
      <c r="AA173" s="121">
        <v>7.3374553305214779E-2</v>
      </c>
      <c r="AB173" s="92">
        <v>1.7459959951155037E-2</v>
      </c>
    </row>
    <row r="174" spans="1:28">
      <c r="A174" s="47" t="s">
        <v>584</v>
      </c>
      <c r="B174" s="161">
        <v>308</v>
      </c>
      <c r="C174" s="162">
        <v>0.35610020874058029</v>
      </c>
      <c r="D174" s="95">
        <v>5.4280893259235109E-2</v>
      </c>
      <c r="E174" s="162">
        <v>0.13039837924232656</v>
      </c>
      <c r="F174" s="95">
        <v>3.8709120737902537E-2</v>
      </c>
      <c r="G174" s="162">
        <v>0.39330246710505551</v>
      </c>
      <c r="H174" s="95">
        <v>5.534341181392511E-2</v>
      </c>
      <c r="I174" s="162">
        <v>0.12019894491203756</v>
      </c>
      <c r="J174" s="95">
        <v>3.7455295961894002E-2</v>
      </c>
      <c r="K174" s="125">
        <v>306</v>
      </c>
      <c r="L174" s="124">
        <v>0.31511041747823287</v>
      </c>
      <c r="M174" s="95">
        <v>5.2877499654925463E-2</v>
      </c>
      <c r="N174" s="124">
        <v>0.19333963768019621</v>
      </c>
      <c r="O174" s="124">
        <v>4.5204998108311287E-2</v>
      </c>
      <c r="P174" s="124">
        <v>0.37897873665769799</v>
      </c>
      <c r="Q174" s="95">
        <v>5.5151332028191023E-2</v>
      </c>
      <c r="R174" s="124">
        <v>0.11257120818387265</v>
      </c>
      <c r="S174" s="95">
        <v>3.658794379721475E-2</v>
      </c>
      <c r="T174" s="47">
        <v>309</v>
      </c>
      <c r="U174" s="124">
        <v>0.22352173825456942</v>
      </c>
      <c r="V174" s="95">
        <v>4.7358469919798828E-2</v>
      </c>
      <c r="W174" s="124">
        <v>0.16490152252441498</v>
      </c>
      <c r="X174" s="95">
        <v>4.2382817757288575E-2</v>
      </c>
      <c r="Y174" s="124">
        <v>0.51912394362895442</v>
      </c>
      <c r="Z174" s="95">
        <v>5.6483033462646645E-2</v>
      </c>
      <c r="AA174" s="124">
        <v>9.2452795592061238E-2</v>
      </c>
      <c r="AB174" s="95">
        <v>3.355856692503606E-2</v>
      </c>
    </row>
    <row r="175" spans="1:28">
      <c r="A175" s="55" t="s">
        <v>587</v>
      </c>
      <c r="B175" s="160">
        <v>13060</v>
      </c>
      <c r="C175" s="163">
        <v>0.24308429293307524</v>
      </c>
      <c r="D175" s="92">
        <v>7.5065746476492175E-3</v>
      </c>
      <c r="E175" s="163">
        <v>0.23299187392770318</v>
      </c>
      <c r="F175" s="92">
        <v>7.3980168106997386E-3</v>
      </c>
      <c r="G175" s="163">
        <v>0.35516758812016258</v>
      </c>
      <c r="H175" s="92">
        <v>8.3742163965111124E-3</v>
      </c>
      <c r="I175" s="163">
        <v>0.16875624501908118</v>
      </c>
      <c r="J175" s="92">
        <v>6.5552612342379048E-3</v>
      </c>
      <c r="K175" s="122">
        <v>13047</v>
      </c>
      <c r="L175" s="121">
        <v>0.28149540408978757</v>
      </c>
      <c r="M175" s="92">
        <v>7.8739008967604242E-3</v>
      </c>
      <c r="N175" s="121">
        <v>0.20887287636010549</v>
      </c>
      <c r="O175" s="121">
        <v>7.1177136448321021E-3</v>
      </c>
      <c r="P175" s="121">
        <v>0.38419778714575309</v>
      </c>
      <c r="Q175" s="92">
        <v>8.515569471322551E-3</v>
      </c>
      <c r="R175" s="121">
        <v>0.12543393240437367</v>
      </c>
      <c r="S175" s="92">
        <v>5.8007222867661008E-3</v>
      </c>
      <c r="T175" s="122">
        <v>13057</v>
      </c>
      <c r="U175" s="121">
        <v>0.20668602718510562</v>
      </c>
      <c r="V175" s="92">
        <v>7.0874442717642873E-3</v>
      </c>
      <c r="W175" s="121">
        <v>0.20232799067385765</v>
      </c>
      <c r="X175" s="92">
        <v>7.0316126986459046E-3</v>
      </c>
      <c r="Y175" s="121">
        <v>0.52257752578729355</v>
      </c>
      <c r="Z175" s="92">
        <v>8.741155504715126E-3</v>
      </c>
      <c r="AA175" s="121">
        <v>6.8408456353760957E-2</v>
      </c>
      <c r="AB175" s="92">
        <v>4.4217867627027625E-3</v>
      </c>
    </row>
  </sheetData>
  <mergeCells count="24">
    <mergeCell ref="T150:AB150"/>
    <mergeCell ref="K150:S150"/>
    <mergeCell ref="B150:J150"/>
    <mergeCell ref="A91:V91"/>
    <mergeCell ref="A5:D5"/>
    <mergeCell ref="A34:D34"/>
    <mergeCell ref="A61:D61"/>
    <mergeCell ref="A62:D62"/>
    <mergeCell ref="E34:I34"/>
    <mergeCell ref="A33:I33"/>
    <mergeCell ref="A63:D63"/>
    <mergeCell ref="A90:V90"/>
    <mergeCell ref="A121:D121"/>
    <mergeCell ref="A149:AB149"/>
    <mergeCell ref="A148:AB148"/>
    <mergeCell ref="P92:V92"/>
    <mergeCell ref="A119:D119"/>
    <mergeCell ref="A120:D120"/>
    <mergeCell ref="A3:O3"/>
    <mergeCell ref="A4:O4"/>
    <mergeCell ref="E5:O5"/>
    <mergeCell ref="A32:I32"/>
    <mergeCell ref="B92:H92"/>
    <mergeCell ref="I92:O92"/>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S147"/>
  <sheetViews>
    <sheetView zoomScaleNormal="100" workbookViewId="0"/>
  </sheetViews>
  <sheetFormatPr defaultColWidth="19.140625" defaultRowHeight="15"/>
  <cols>
    <col min="1" max="1" width="56.5703125" customWidth="1"/>
  </cols>
  <sheetData>
    <row r="1" spans="1:4" ht="31.5">
      <c r="A1" s="31" t="s">
        <v>39</v>
      </c>
    </row>
    <row r="3" spans="1:4" ht="18.75">
      <c r="A3" s="337" t="s">
        <v>11</v>
      </c>
      <c r="B3" s="337"/>
      <c r="C3" s="337"/>
      <c r="D3" s="337"/>
    </row>
    <row r="4" spans="1:4" ht="133.5" customHeight="1">
      <c r="A4" s="391" t="s">
        <v>468</v>
      </c>
      <c r="B4" s="391"/>
      <c r="C4" s="391"/>
      <c r="D4" s="391"/>
    </row>
    <row r="5" spans="1:4" ht="38.25" customHeight="1">
      <c r="A5" s="343" t="s">
        <v>121</v>
      </c>
      <c r="B5" s="343"/>
      <c r="C5" s="343"/>
      <c r="D5" s="343"/>
    </row>
    <row r="6" spans="1:4" ht="72">
      <c r="A6" s="35" t="s">
        <v>70</v>
      </c>
      <c r="B6" s="36" t="s">
        <v>71</v>
      </c>
      <c r="C6" s="37" t="s">
        <v>551</v>
      </c>
      <c r="D6" s="38" t="s">
        <v>72</v>
      </c>
    </row>
    <row r="7" spans="1:4" ht="72">
      <c r="A7" s="39"/>
      <c r="B7" s="40" t="s">
        <v>73</v>
      </c>
      <c r="C7" s="126" t="s">
        <v>122</v>
      </c>
      <c r="D7" s="42" t="s">
        <v>75</v>
      </c>
    </row>
    <row r="8" spans="1:4">
      <c r="A8" s="43" t="s">
        <v>348</v>
      </c>
      <c r="B8" s="164">
        <v>13038</v>
      </c>
      <c r="C8" s="165">
        <v>4.3063938454541928</v>
      </c>
      <c r="D8" s="84">
        <v>2.3278647383610147E-2</v>
      </c>
    </row>
    <row r="9" spans="1:4">
      <c r="A9" s="47" t="s">
        <v>349</v>
      </c>
      <c r="B9" s="47">
        <v>9671</v>
      </c>
      <c r="C9" s="167">
        <v>4.2588562671727557</v>
      </c>
      <c r="D9" s="85">
        <v>2.7110082737648852E-2</v>
      </c>
    </row>
    <row r="10" spans="1:4">
      <c r="A10" s="43" t="s">
        <v>350</v>
      </c>
      <c r="B10" s="51">
        <v>3367</v>
      </c>
      <c r="C10" s="165">
        <v>4.3459776287948415</v>
      </c>
      <c r="D10" s="84">
        <v>4.5414474455323685E-2</v>
      </c>
    </row>
    <row r="11" spans="1:4">
      <c r="A11" s="47" t="s">
        <v>574</v>
      </c>
      <c r="B11" s="47">
        <v>4536</v>
      </c>
      <c r="C11" s="167">
        <v>4.3217394166343883</v>
      </c>
      <c r="D11" s="85">
        <v>3.9528984880157901E-2</v>
      </c>
    </row>
    <row r="12" spans="1:4">
      <c r="A12" s="43" t="s">
        <v>575</v>
      </c>
      <c r="B12" s="51">
        <v>4866</v>
      </c>
      <c r="C12" s="165">
        <v>4.3177008133549943</v>
      </c>
      <c r="D12" s="84">
        <v>3.7419960565769267E-2</v>
      </c>
    </row>
    <row r="13" spans="1:4">
      <c r="A13" s="47" t="s">
        <v>576</v>
      </c>
      <c r="B13" s="47">
        <v>3004</v>
      </c>
      <c r="C13" s="167">
        <v>4.1567766246934212</v>
      </c>
      <c r="D13" s="85">
        <v>4.9406539471426092E-2</v>
      </c>
    </row>
    <row r="14" spans="1:4">
      <c r="A14" s="43" t="s">
        <v>577</v>
      </c>
      <c r="B14" s="51">
        <v>404</v>
      </c>
      <c r="C14" s="165">
        <v>4.1490533007167496</v>
      </c>
      <c r="D14" s="84">
        <v>0.13741350458878368</v>
      </c>
    </row>
    <row r="15" spans="1:4">
      <c r="A15" s="47" t="s">
        <v>578</v>
      </c>
      <c r="B15" s="47">
        <v>135</v>
      </c>
      <c r="C15" s="167">
        <v>4.3446386972664346</v>
      </c>
      <c r="D15" s="85">
        <v>0.24788908794478426</v>
      </c>
    </row>
    <row r="16" spans="1:4">
      <c r="A16" s="43" t="s">
        <v>581</v>
      </c>
      <c r="B16" s="51">
        <v>9129</v>
      </c>
      <c r="C16" s="165">
        <v>4.3020576775778299</v>
      </c>
      <c r="D16" s="84">
        <v>2.7718615490304181E-2</v>
      </c>
    </row>
    <row r="17" spans="1:37">
      <c r="A17" s="47" t="s">
        <v>580</v>
      </c>
      <c r="B17" s="47">
        <v>3839</v>
      </c>
      <c r="C17" s="167">
        <v>4.2777084179534777</v>
      </c>
      <c r="D17" s="85">
        <v>4.3255989199468894E-2</v>
      </c>
    </row>
    <row r="18" spans="1:37">
      <c r="A18" s="43" t="s">
        <v>583</v>
      </c>
      <c r="B18" s="164">
        <v>878</v>
      </c>
      <c r="C18" s="165">
        <v>4.1240080501095875</v>
      </c>
      <c r="D18" s="84">
        <v>9.2783139322827848E-2</v>
      </c>
    </row>
    <row r="19" spans="1:37">
      <c r="A19" s="47" t="s">
        <v>582</v>
      </c>
      <c r="B19" s="166">
        <v>2961</v>
      </c>
      <c r="C19" s="167">
        <v>4.33298109001041</v>
      </c>
      <c r="D19" s="85">
        <v>4.877156609647388E-2</v>
      </c>
    </row>
    <row r="20" spans="1:37">
      <c r="A20" s="43" t="s">
        <v>568</v>
      </c>
      <c r="B20" s="81">
        <v>7645</v>
      </c>
      <c r="C20" s="165">
        <v>4.274473643868931</v>
      </c>
      <c r="D20" s="84">
        <v>3.0616400031765571E-2</v>
      </c>
    </row>
    <row r="21" spans="1:37">
      <c r="A21" s="47" t="s">
        <v>569</v>
      </c>
      <c r="B21" s="166">
        <v>5269</v>
      </c>
      <c r="C21" s="167">
        <v>4.3458361993003507</v>
      </c>
      <c r="D21" s="85">
        <v>3.6134200508098138E-2</v>
      </c>
    </row>
    <row r="22" spans="1:37">
      <c r="A22" s="55" t="s">
        <v>570</v>
      </c>
      <c r="B22" s="164">
        <v>1611</v>
      </c>
      <c r="C22" s="165">
        <v>4.2520041165723308</v>
      </c>
      <c r="D22" s="84">
        <v>6.6016378853507349E-2</v>
      </c>
    </row>
    <row r="23" spans="1:37">
      <c r="A23" s="47" t="s">
        <v>571</v>
      </c>
      <c r="B23" s="166">
        <v>3551</v>
      </c>
      <c r="C23" s="167">
        <v>4.1834077847648832</v>
      </c>
      <c r="D23" s="85">
        <v>4.4395472848448365E-2</v>
      </c>
    </row>
    <row r="24" spans="1:37">
      <c r="A24" s="55" t="s">
        <v>572</v>
      </c>
      <c r="B24" s="164">
        <v>3907</v>
      </c>
      <c r="C24" s="165">
        <v>4.2067509036310717</v>
      </c>
      <c r="D24" s="84">
        <v>4.2471898580646518E-2</v>
      </c>
    </row>
    <row r="25" spans="1:37">
      <c r="A25" s="47" t="s">
        <v>573</v>
      </c>
      <c r="B25" s="166">
        <v>3780</v>
      </c>
      <c r="C25" s="167">
        <v>4.7136860179568014</v>
      </c>
      <c r="D25" s="85">
        <v>4.1331769315184633E-2</v>
      </c>
    </row>
    <row r="26" spans="1:37">
      <c r="A26" s="55" t="s">
        <v>579</v>
      </c>
      <c r="B26" s="164">
        <v>9056</v>
      </c>
      <c r="C26" s="165">
        <v>4.2599857159994139</v>
      </c>
      <c r="D26" s="84">
        <v>2.8206428046895334E-2</v>
      </c>
    </row>
    <row r="27" spans="1:37">
      <c r="A27" s="47" t="s">
        <v>585</v>
      </c>
      <c r="B27" s="166">
        <v>1414</v>
      </c>
      <c r="C27" s="167">
        <v>4.4063844021893539</v>
      </c>
      <c r="D27" s="85">
        <v>6.9412864895204027E-2</v>
      </c>
    </row>
    <row r="28" spans="1:37">
      <c r="A28" s="55" t="s">
        <v>586</v>
      </c>
      <c r="B28" s="164">
        <v>832</v>
      </c>
      <c r="C28" s="165">
        <v>4.4887519427193068</v>
      </c>
      <c r="D28" s="84">
        <v>8.9774844650610558E-2</v>
      </c>
    </row>
    <row r="29" spans="1:37">
      <c r="A29" s="47" t="s">
        <v>584</v>
      </c>
      <c r="B29" s="166">
        <v>289</v>
      </c>
      <c r="C29" s="167">
        <v>4.073481853577638</v>
      </c>
      <c r="D29" s="85">
        <v>0.19005382019656084</v>
      </c>
    </row>
    <row r="30" spans="1:37">
      <c r="A30" s="55" t="s">
        <v>587</v>
      </c>
      <c r="B30" s="164">
        <v>12237</v>
      </c>
      <c r="C30" s="165">
        <v>4.3183740446720185</v>
      </c>
      <c r="D30" s="84">
        <v>2.38347449680388E-2</v>
      </c>
    </row>
    <row r="32" spans="1:37" ht="18.75">
      <c r="A32" s="337" t="s">
        <v>42</v>
      </c>
      <c r="B32" s="337"/>
      <c r="C32" s="337"/>
      <c r="D32" s="337"/>
      <c r="E32" s="337"/>
      <c r="F32" s="337"/>
      <c r="G32" s="337"/>
      <c r="H32" s="337"/>
      <c r="I32" s="337"/>
      <c r="J32" s="337"/>
      <c r="K32" s="337"/>
      <c r="L32" s="337"/>
      <c r="M32" s="337"/>
      <c r="N32" s="337"/>
      <c r="O32" s="337"/>
      <c r="P32" s="337"/>
      <c r="Q32" s="337"/>
      <c r="R32" s="337"/>
      <c r="S32" s="337"/>
      <c r="T32" s="337"/>
      <c r="U32" s="337"/>
      <c r="V32" s="337"/>
      <c r="W32" s="337"/>
      <c r="X32" s="337"/>
      <c r="Y32" s="337"/>
      <c r="Z32" s="337"/>
      <c r="AA32" s="337"/>
      <c r="AB32" s="337"/>
      <c r="AC32" s="337"/>
      <c r="AD32" s="337"/>
      <c r="AE32" s="337"/>
      <c r="AF32" s="337"/>
      <c r="AG32" s="337"/>
      <c r="AH32" s="337"/>
      <c r="AI32" s="337"/>
      <c r="AJ32" s="337"/>
      <c r="AK32" s="337"/>
    </row>
    <row r="33" spans="1:45" ht="64.5" customHeight="1">
      <c r="A33" s="397" t="s">
        <v>558</v>
      </c>
      <c r="B33" s="397"/>
      <c r="C33" s="397"/>
      <c r="D33" s="397"/>
      <c r="E33" s="397"/>
      <c r="F33" s="397"/>
      <c r="G33" s="397"/>
      <c r="H33" s="397"/>
      <c r="I33" s="397"/>
      <c r="J33" s="397"/>
      <c r="K33" s="397"/>
      <c r="L33" s="397"/>
      <c r="M33" s="397"/>
      <c r="N33" s="397"/>
      <c r="O33" s="397"/>
      <c r="P33" s="397"/>
      <c r="Q33" s="397"/>
      <c r="R33" s="397"/>
      <c r="S33" s="397"/>
      <c r="T33" s="397"/>
      <c r="U33" s="397"/>
      <c r="V33" s="397"/>
      <c r="W33" s="397"/>
      <c r="X33" s="397"/>
      <c r="Y33" s="397"/>
      <c r="Z33" s="397"/>
      <c r="AA33" s="397"/>
      <c r="AB33" s="397"/>
      <c r="AC33" s="397"/>
      <c r="AD33" s="397"/>
      <c r="AE33" s="397"/>
      <c r="AF33" s="397"/>
      <c r="AG33" s="397"/>
      <c r="AH33" s="397"/>
      <c r="AI33" s="397"/>
      <c r="AJ33" s="397"/>
      <c r="AK33" s="397"/>
    </row>
    <row r="34" spans="1:45" ht="39" customHeight="1">
      <c r="A34" s="62"/>
      <c r="B34" s="392" t="s">
        <v>123</v>
      </c>
      <c r="C34" s="395"/>
      <c r="D34" s="395"/>
      <c r="E34" s="395"/>
      <c r="F34" s="395"/>
      <c r="G34" s="395"/>
      <c r="H34" s="395"/>
      <c r="I34" s="395"/>
      <c r="J34" s="396"/>
      <c r="K34" s="392" t="s">
        <v>385</v>
      </c>
      <c r="L34" s="395"/>
      <c r="M34" s="395"/>
      <c r="N34" s="395"/>
      <c r="O34" s="395"/>
      <c r="P34" s="395"/>
      <c r="Q34" s="395"/>
      <c r="R34" s="395"/>
      <c r="S34" s="396"/>
      <c r="T34" s="392" t="s">
        <v>124</v>
      </c>
      <c r="U34" s="395"/>
      <c r="V34" s="395"/>
      <c r="W34" s="395"/>
      <c r="X34" s="395"/>
      <c r="Y34" s="395"/>
      <c r="Z34" s="395"/>
      <c r="AA34" s="395"/>
      <c r="AB34" s="396"/>
      <c r="AC34" s="392" t="s">
        <v>386</v>
      </c>
      <c r="AD34" s="395"/>
      <c r="AE34" s="395"/>
      <c r="AF34" s="395"/>
      <c r="AG34" s="395"/>
      <c r="AH34" s="395"/>
      <c r="AI34" s="395"/>
      <c r="AJ34" s="395"/>
      <c r="AK34" s="396"/>
      <c r="AL34" s="298"/>
      <c r="AM34" s="298"/>
      <c r="AN34" s="298"/>
      <c r="AO34" s="298"/>
      <c r="AP34" s="298"/>
      <c r="AQ34" s="298"/>
      <c r="AR34" s="298"/>
      <c r="AS34" s="298"/>
    </row>
    <row r="35" spans="1:45" ht="72">
      <c r="A35" s="35" t="s">
        <v>70</v>
      </c>
      <c r="B35" s="36" t="s">
        <v>71</v>
      </c>
      <c r="C35" s="36" t="s">
        <v>155</v>
      </c>
      <c r="D35" s="87" t="s">
        <v>84</v>
      </c>
      <c r="E35" s="36" t="s">
        <v>156</v>
      </c>
      <c r="F35" s="87" t="s">
        <v>85</v>
      </c>
      <c r="G35" s="36" t="s">
        <v>157</v>
      </c>
      <c r="H35" s="87" t="s">
        <v>86</v>
      </c>
      <c r="I35" s="36" t="s">
        <v>300</v>
      </c>
      <c r="J35" s="87" t="s">
        <v>299</v>
      </c>
      <c r="K35" s="63" t="s">
        <v>71</v>
      </c>
      <c r="L35" s="63" t="s">
        <v>155</v>
      </c>
      <c r="M35" s="86" t="s">
        <v>84</v>
      </c>
      <c r="N35" s="63" t="s">
        <v>156</v>
      </c>
      <c r="O35" s="86" t="s">
        <v>85</v>
      </c>
      <c r="P35" s="63" t="s">
        <v>157</v>
      </c>
      <c r="Q35" s="86" t="s">
        <v>86</v>
      </c>
      <c r="R35" s="63" t="s">
        <v>300</v>
      </c>
      <c r="S35" s="86" t="s">
        <v>299</v>
      </c>
      <c r="T35" s="36" t="s">
        <v>71</v>
      </c>
      <c r="U35" s="36" t="s">
        <v>155</v>
      </c>
      <c r="V35" s="87" t="s">
        <v>84</v>
      </c>
      <c r="W35" s="36" t="s">
        <v>156</v>
      </c>
      <c r="X35" s="87" t="s">
        <v>85</v>
      </c>
      <c r="Y35" s="36" t="s">
        <v>157</v>
      </c>
      <c r="Z35" s="87" t="s">
        <v>86</v>
      </c>
      <c r="AA35" s="36" t="s">
        <v>300</v>
      </c>
      <c r="AB35" s="87" t="s">
        <v>299</v>
      </c>
      <c r="AC35" s="63" t="s">
        <v>71</v>
      </c>
      <c r="AD35" s="63" t="s">
        <v>155</v>
      </c>
      <c r="AE35" s="86" t="s">
        <v>84</v>
      </c>
      <c r="AF35" s="63" t="s">
        <v>156</v>
      </c>
      <c r="AG35" s="86" t="s">
        <v>85</v>
      </c>
      <c r="AH35" s="63" t="s">
        <v>157</v>
      </c>
      <c r="AI35" s="86" t="s">
        <v>86</v>
      </c>
      <c r="AJ35" s="63" t="s">
        <v>300</v>
      </c>
      <c r="AK35" s="86" t="s">
        <v>299</v>
      </c>
    </row>
    <row r="36" spans="1:45" ht="84">
      <c r="A36" s="39"/>
      <c r="B36" s="40" t="s">
        <v>73</v>
      </c>
      <c r="C36" s="40" t="s">
        <v>158</v>
      </c>
      <c r="D36" s="89" t="s">
        <v>125</v>
      </c>
      <c r="E36" s="40" t="s">
        <v>159</v>
      </c>
      <c r="F36" s="89" t="s">
        <v>126</v>
      </c>
      <c r="G36" s="40" t="s">
        <v>160</v>
      </c>
      <c r="H36" s="89" t="s">
        <v>127</v>
      </c>
      <c r="I36" s="40" t="s">
        <v>300</v>
      </c>
      <c r="J36" s="89" t="s">
        <v>87</v>
      </c>
      <c r="K36" s="66" t="s">
        <v>73</v>
      </c>
      <c r="L36" s="66" t="s">
        <v>158</v>
      </c>
      <c r="M36" s="88" t="s">
        <v>125</v>
      </c>
      <c r="N36" s="66" t="s">
        <v>159</v>
      </c>
      <c r="O36" s="88" t="s">
        <v>126</v>
      </c>
      <c r="P36" s="66" t="s">
        <v>160</v>
      </c>
      <c r="Q36" s="88" t="s">
        <v>127</v>
      </c>
      <c r="R36" s="66" t="s">
        <v>300</v>
      </c>
      <c r="S36" s="88" t="s">
        <v>87</v>
      </c>
      <c r="T36" s="40" t="s">
        <v>73</v>
      </c>
      <c r="U36" s="40" t="s">
        <v>158</v>
      </c>
      <c r="V36" s="89" t="s">
        <v>125</v>
      </c>
      <c r="W36" s="40" t="s">
        <v>159</v>
      </c>
      <c r="X36" s="89" t="s">
        <v>126</v>
      </c>
      <c r="Y36" s="40" t="s">
        <v>160</v>
      </c>
      <c r="Z36" s="89" t="s">
        <v>127</v>
      </c>
      <c r="AA36" s="40" t="s">
        <v>300</v>
      </c>
      <c r="AB36" s="89" t="s">
        <v>87</v>
      </c>
      <c r="AC36" s="66" t="s">
        <v>73</v>
      </c>
      <c r="AD36" s="66" t="s">
        <v>158</v>
      </c>
      <c r="AE36" s="88" t="s">
        <v>125</v>
      </c>
      <c r="AF36" s="66" t="s">
        <v>159</v>
      </c>
      <c r="AG36" s="88" t="s">
        <v>126</v>
      </c>
      <c r="AH36" s="66" t="s">
        <v>160</v>
      </c>
      <c r="AI36" s="88" t="s">
        <v>127</v>
      </c>
      <c r="AJ36" s="66" t="s">
        <v>300</v>
      </c>
      <c r="AK36" s="88" t="s">
        <v>87</v>
      </c>
    </row>
    <row r="37" spans="1:45">
      <c r="A37" s="43" t="s">
        <v>348</v>
      </c>
      <c r="B37" s="164">
        <v>13880</v>
      </c>
      <c r="C37" s="168">
        <v>0.29135498375824709</v>
      </c>
      <c r="D37" s="92">
        <v>7.7130236530871749E-3</v>
      </c>
      <c r="E37" s="168">
        <v>0.20774797413696611</v>
      </c>
      <c r="F37" s="92">
        <v>6.8871205039825641E-3</v>
      </c>
      <c r="G37" s="168">
        <v>0.42667464265435678</v>
      </c>
      <c r="H37" s="92">
        <v>8.3950721840318297E-3</v>
      </c>
      <c r="I37" s="91">
        <v>7.4222399450447132E-2</v>
      </c>
      <c r="J37" s="92">
        <v>4.4526989233520213E-3</v>
      </c>
      <c r="K37" s="164">
        <v>13890</v>
      </c>
      <c r="L37" s="168">
        <v>0.34189549028266986</v>
      </c>
      <c r="M37" s="92">
        <v>8.0486743476053009E-3</v>
      </c>
      <c r="N37" s="168">
        <v>0.19965478829868658</v>
      </c>
      <c r="O37" s="92">
        <v>6.7836815219318699E-3</v>
      </c>
      <c r="P37" s="168">
        <v>0.38036655567884892</v>
      </c>
      <c r="Q37" s="92">
        <v>8.2374449806215944E-3</v>
      </c>
      <c r="R37" s="91">
        <v>7.8083165739812943E-2</v>
      </c>
      <c r="S37" s="92">
        <v>4.5556447490135397E-3</v>
      </c>
      <c r="T37" s="164">
        <v>13870</v>
      </c>
      <c r="U37" s="168">
        <v>0.27724897641459306</v>
      </c>
      <c r="V37" s="92">
        <v>7.6013281544836074E-3</v>
      </c>
      <c r="W37" s="168">
        <v>0.17088162611656965</v>
      </c>
      <c r="X37" s="92">
        <v>6.3926480768412685E-3</v>
      </c>
      <c r="Y37" s="168">
        <v>0.47270941898900426</v>
      </c>
      <c r="Z37" s="92">
        <v>8.4771849695039116E-3</v>
      </c>
      <c r="AA37" s="91">
        <v>7.9159978479849333E-2</v>
      </c>
      <c r="AB37" s="92">
        <v>4.5875207340211428E-3</v>
      </c>
      <c r="AC37" s="164">
        <v>13866</v>
      </c>
      <c r="AD37" s="168">
        <v>0.18962844274582047</v>
      </c>
      <c r="AE37" s="92">
        <v>6.6583111622112584E-3</v>
      </c>
      <c r="AF37" s="168">
        <v>0.20424099143650934</v>
      </c>
      <c r="AG37" s="92">
        <v>6.8473320865241206E-3</v>
      </c>
      <c r="AH37" s="168">
        <v>0.5516637581328524</v>
      </c>
      <c r="AI37" s="92">
        <v>8.4456341950027262E-3</v>
      </c>
      <c r="AJ37" s="91">
        <v>5.4466807684833363E-2</v>
      </c>
      <c r="AK37" s="92">
        <v>3.8581424358494704E-3</v>
      </c>
    </row>
    <row r="38" spans="1:45">
      <c r="A38" s="47" t="s">
        <v>349</v>
      </c>
      <c r="B38" s="166">
        <v>10168</v>
      </c>
      <c r="C38" s="169">
        <v>0.33326677326710175</v>
      </c>
      <c r="D38" s="95">
        <v>9.3480330482870848E-3</v>
      </c>
      <c r="E38" s="169">
        <v>0.19428790359081041</v>
      </c>
      <c r="F38" s="95">
        <v>7.8476849694572807E-3</v>
      </c>
      <c r="G38" s="169">
        <v>0.41315788767892103</v>
      </c>
      <c r="H38" s="95">
        <v>9.7645175620285907E-3</v>
      </c>
      <c r="I38" s="94">
        <v>5.9287435463167414E-2</v>
      </c>
      <c r="J38" s="95">
        <v>4.6895420877363717E-3</v>
      </c>
      <c r="K38" s="166">
        <v>10170</v>
      </c>
      <c r="L38" s="169">
        <v>0.39402579456126929</v>
      </c>
      <c r="M38" s="95">
        <v>9.6890579643586581E-3</v>
      </c>
      <c r="N38" s="169">
        <v>0.18979803786146401</v>
      </c>
      <c r="O38" s="95">
        <v>7.7773820216411422E-3</v>
      </c>
      <c r="P38" s="169">
        <v>0.35379391199148785</v>
      </c>
      <c r="Q38" s="95">
        <v>9.48114504039641E-3</v>
      </c>
      <c r="R38" s="94">
        <v>6.2382255585778743E-2</v>
      </c>
      <c r="S38" s="95">
        <v>4.8015980641209861E-3</v>
      </c>
      <c r="T38" s="166">
        <v>10158</v>
      </c>
      <c r="U38" s="169">
        <v>0.2617227838355578</v>
      </c>
      <c r="V38" s="95">
        <v>8.7221010497714763E-3</v>
      </c>
      <c r="W38" s="169">
        <v>0.15472642745560647</v>
      </c>
      <c r="X38" s="95">
        <v>7.1775632918835621E-3</v>
      </c>
      <c r="Y38" s="169">
        <v>0.51047888836438104</v>
      </c>
      <c r="Z38" s="95">
        <v>9.9177939588992944E-3</v>
      </c>
      <c r="AA38" s="94">
        <v>7.307190034444877E-2</v>
      </c>
      <c r="AB38" s="95">
        <v>5.168899282576263E-3</v>
      </c>
      <c r="AC38" s="166">
        <v>10150</v>
      </c>
      <c r="AD38" s="169">
        <v>0.19876171915823659</v>
      </c>
      <c r="AE38" s="95">
        <v>7.9223874203287852E-3</v>
      </c>
      <c r="AF38" s="169">
        <v>0.19577903998632742</v>
      </c>
      <c r="AG38" s="95">
        <v>7.8773969127038865E-3</v>
      </c>
      <c r="AH38" s="169">
        <v>0.56270077896976678</v>
      </c>
      <c r="AI38" s="95">
        <v>9.8456016184728413E-3</v>
      </c>
      <c r="AJ38" s="94">
        <v>4.2758461885663117E-2</v>
      </c>
      <c r="AK38" s="95">
        <v>4.0235109008786556E-3</v>
      </c>
    </row>
    <row r="39" spans="1:45">
      <c r="A39" s="43" t="s">
        <v>350</v>
      </c>
      <c r="B39" s="164">
        <v>3712</v>
      </c>
      <c r="C39" s="168">
        <v>0.25751204521443621</v>
      </c>
      <c r="D39" s="92">
        <v>1.435090423557771E-2</v>
      </c>
      <c r="E39" s="168">
        <v>0.21861671406972916</v>
      </c>
      <c r="F39" s="92">
        <v>1.3566953538342721E-2</v>
      </c>
      <c r="G39" s="168">
        <v>0.43758915413920407</v>
      </c>
      <c r="H39" s="92">
        <v>1.6276448788270725E-2</v>
      </c>
      <c r="I39" s="91">
        <v>8.6282086576631195E-2</v>
      </c>
      <c r="J39" s="92">
        <v>9.2335897220080995E-3</v>
      </c>
      <c r="K39" s="164">
        <v>3720</v>
      </c>
      <c r="L39" s="168">
        <v>0.29988188691440143</v>
      </c>
      <c r="M39" s="92">
        <v>1.5020169942289666E-2</v>
      </c>
      <c r="N39" s="168">
        <v>0.20759868214507307</v>
      </c>
      <c r="O39" s="92">
        <v>1.3300018210992307E-2</v>
      </c>
      <c r="P39" s="168">
        <v>0.40178236223849839</v>
      </c>
      <c r="Q39" s="92">
        <v>1.6068262271909963E-2</v>
      </c>
      <c r="R39" s="91">
        <v>9.0737068702027524E-2</v>
      </c>
      <c r="S39" s="92">
        <v>9.4342361478275787E-3</v>
      </c>
      <c r="T39" s="164">
        <v>3712</v>
      </c>
      <c r="U39" s="168">
        <v>0.28976239904789852</v>
      </c>
      <c r="V39" s="92">
        <v>1.488727849610906E-2</v>
      </c>
      <c r="W39" s="168">
        <v>0.1839019997555458</v>
      </c>
      <c r="X39" s="92">
        <v>1.2719421723788366E-2</v>
      </c>
      <c r="Y39" s="168">
        <v>0.44226890174535066</v>
      </c>
      <c r="Z39" s="92">
        <v>1.6294989609164812E-2</v>
      </c>
      <c r="AA39" s="91">
        <v>8.4066699451206095E-2</v>
      </c>
      <c r="AB39" s="92">
        <v>9.1260597318304666E-3</v>
      </c>
      <c r="AC39" s="164">
        <v>3716</v>
      </c>
      <c r="AD39" s="168">
        <v>0.18226540276901662</v>
      </c>
      <c r="AE39" s="92">
        <v>1.2668720141177653E-2</v>
      </c>
      <c r="AF39" s="168">
        <v>0.21106282447822419</v>
      </c>
      <c r="AG39" s="92">
        <v>1.3388116583072094E-2</v>
      </c>
      <c r="AH39" s="168">
        <v>0.54276596264550536</v>
      </c>
      <c r="AI39" s="92">
        <v>1.6335692286377296E-2</v>
      </c>
      <c r="AJ39" s="91">
        <v>6.3905810107254254E-2</v>
      </c>
      <c r="AK39" s="92">
        <v>8.0476152154377954E-3</v>
      </c>
    </row>
    <row r="40" spans="1:45">
      <c r="A40" s="47" t="s">
        <v>574</v>
      </c>
      <c r="B40" s="166">
        <v>4983</v>
      </c>
      <c r="C40" s="169">
        <v>0.26675058615480263</v>
      </c>
      <c r="D40" s="95">
        <v>1.2528114004905474E-2</v>
      </c>
      <c r="E40" s="169">
        <v>0.21259373173992821</v>
      </c>
      <c r="F40" s="95">
        <v>1.1591956032384106E-2</v>
      </c>
      <c r="G40" s="169">
        <v>0.43697651245252017</v>
      </c>
      <c r="H40" s="95">
        <v>1.4047797440351509E-2</v>
      </c>
      <c r="I40" s="94">
        <v>8.3679169652750754E-2</v>
      </c>
      <c r="J40" s="95">
        <v>7.8564877021413543E-3</v>
      </c>
      <c r="K40" s="166">
        <v>4993</v>
      </c>
      <c r="L40" s="169">
        <v>0.30971283853890968</v>
      </c>
      <c r="M40" s="95">
        <v>1.3083642574342313E-2</v>
      </c>
      <c r="N40" s="169">
        <v>0.20515027767529806</v>
      </c>
      <c r="O40" s="95">
        <v>1.142981181544366E-2</v>
      </c>
      <c r="P40" s="169">
        <v>0.3937245231458727</v>
      </c>
      <c r="Q40" s="95">
        <v>1.3823658501147204E-2</v>
      </c>
      <c r="R40" s="94">
        <v>9.141236063992253E-2</v>
      </c>
      <c r="S40" s="95">
        <v>8.1669249304084056E-3</v>
      </c>
      <c r="T40" s="166">
        <v>4980</v>
      </c>
      <c r="U40" s="169">
        <v>0.29240958884121143</v>
      </c>
      <c r="V40" s="95">
        <v>1.2888438609272553E-2</v>
      </c>
      <c r="W40" s="169">
        <v>0.17770952901393378</v>
      </c>
      <c r="X40" s="95">
        <v>1.0835687750632929E-2</v>
      </c>
      <c r="Y40" s="169">
        <v>0.44070769590752357</v>
      </c>
      <c r="Z40" s="95">
        <v>1.406503078578205E-2</v>
      </c>
      <c r="AA40" s="94">
        <v>8.9173186237333904E-2</v>
      </c>
      <c r="AB40" s="95">
        <v>8.087211888383735E-3</v>
      </c>
      <c r="AC40" s="166">
        <v>4983</v>
      </c>
      <c r="AD40" s="169">
        <v>0.18650191957528151</v>
      </c>
      <c r="AE40" s="95">
        <v>1.1037117678910432E-2</v>
      </c>
      <c r="AF40" s="169">
        <v>0.20950510045432971</v>
      </c>
      <c r="AG40" s="95">
        <v>1.1530137863191407E-2</v>
      </c>
      <c r="AH40" s="169">
        <v>0.5415019382215297</v>
      </c>
      <c r="AI40" s="95">
        <v>1.4111769916495672E-2</v>
      </c>
      <c r="AJ40" s="94">
        <v>6.2491041748859021E-2</v>
      </c>
      <c r="AK40" s="95">
        <v>6.8729248368873943E-3</v>
      </c>
    </row>
    <row r="41" spans="1:45">
      <c r="A41" s="43" t="s">
        <v>575</v>
      </c>
      <c r="B41" s="164">
        <v>5126</v>
      </c>
      <c r="C41" s="168">
        <v>0.32420362249940493</v>
      </c>
      <c r="D41" s="92">
        <v>1.3071815694293996E-2</v>
      </c>
      <c r="E41" s="168">
        <v>0.20594665816416047</v>
      </c>
      <c r="F41" s="92">
        <v>1.1296721789294572E-2</v>
      </c>
      <c r="G41" s="168">
        <v>0.40879006621038</v>
      </c>
      <c r="H41" s="92">
        <v>1.3727896397592306E-2</v>
      </c>
      <c r="I41" s="91">
        <v>6.1059653126055602E-2</v>
      </c>
      <c r="J41" s="92">
        <v>6.7035071352852145E-3</v>
      </c>
      <c r="K41" s="164">
        <v>5128</v>
      </c>
      <c r="L41" s="168">
        <v>0.39916054877315049</v>
      </c>
      <c r="M41" s="92">
        <v>1.3672692407677491E-2</v>
      </c>
      <c r="N41" s="168">
        <v>0.18434260961136331</v>
      </c>
      <c r="O41" s="92">
        <v>1.0831223959256205E-2</v>
      </c>
      <c r="P41" s="168">
        <v>0.36486095919134276</v>
      </c>
      <c r="Q41" s="92">
        <v>1.3440376608148001E-2</v>
      </c>
      <c r="R41" s="91">
        <v>5.1635882424143326E-2</v>
      </c>
      <c r="S41" s="92">
        <v>6.1977588438177954E-3</v>
      </c>
      <c r="T41" s="164">
        <v>5123</v>
      </c>
      <c r="U41" s="168">
        <v>0.22852870158907032</v>
      </c>
      <c r="V41" s="92">
        <v>1.1731948086013435E-2</v>
      </c>
      <c r="W41" s="168">
        <v>0.1585110976337295</v>
      </c>
      <c r="X41" s="92">
        <v>1.0208179093376121E-2</v>
      </c>
      <c r="Y41" s="168">
        <v>0.54984116597286647</v>
      </c>
      <c r="Z41" s="92">
        <v>1.3896430212199131E-2</v>
      </c>
      <c r="AA41" s="91">
        <v>6.3119034804333549E-2</v>
      </c>
      <c r="AB41" s="92">
        <v>6.8094362770574832E-3</v>
      </c>
      <c r="AC41" s="164">
        <v>5118</v>
      </c>
      <c r="AD41" s="168">
        <v>0.18257466142739887</v>
      </c>
      <c r="AE41" s="92">
        <v>1.0801480338900122E-2</v>
      </c>
      <c r="AF41" s="168">
        <v>0.19532484415660076</v>
      </c>
      <c r="AG41" s="92">
        <v>1.1084073242103681E-2</v>
      </c>
      <c r="AH41" s="168">
        <v>0.58109235520622426</v>
      </c>
      <c r="AI41" s="92">
        <v>1.3787994167995619E-2</v>
      </c>
      <c r="AJ41" s="91">
        <v>4.1008139209775724E-2</v>
      </c>
      <c r="AK41" s="92">
        <v>5.5649508475800304E-3</v>
      </c>
    </row>
    <row r="42" spans="1:45">
      <c r="A42" s="47" t="s">
        <v>576</v>
      </c>
      <c r="B42" s="166">
        <v>3120</v>
      </c>
      <c r="C42" s="169">
        <v>0.37978400715814081</v>
      </c>
      <c r="D42" s="95">
        <v>1.7367943303593248E-2</v>
      </c>
      <c r="E42" s="169">
        <v>0.18982436862836966</v>
      </c>
      <c r="F42" s="95">
        <v>1.4043890121663074E-2</v>
      </c>
      <c r="G42" s="169">
        <v>0.38956985054525289</v>
      </c>
      <c r="H42" s="95">
        <v>1.7450731481121199E-2</v>
      </c>
      <c r="I42" s="94">
        <v>4.0821773668230719E-2</v>
      </c>
      <c r="J42" s="95">
        <v>7.1292212026094785E-3</v>
      </c>
      <c r="K42" s="166">
        <v>3118</v>
      </c>
      <c r="L42" s="169">
        <v>0.43994064393012416</v>
      </c>
      <c r="M42" s="95">
        <v>1.7767885970735059E-2</v>
      </c>
      <c r="N42" s="169">
        <v>0.19778394483585168</v>
      </c>
      <c r="O42" s="95">
        <v>1.426837788738871E-2</v>
      </c>
      <c r="P42" s="169">
        <v>0.31607812350453995</v>
      </c>
      <c r="Q42" s="95">
        <v>1.6645659702809734E-2</v>
      </c>
      <c r="R42" s="94">
        <v>4.6197287729477302E-2</v>
      </c>
      <c r="S42" s="95">
        <v>7.5584813988891749E-3</v>
      </c>
      <c r="T42" s="166">
        <v>3114</v>
      </c>
      <c r="U42" s="169">
        <v>0.27556736614340466</v>
      </c>
      <c r="V42" s="95">
        <v>1.6008302314857302E-2</v>
      </c>
      <c r="W42" s="169">
        <v>0.15438410865290467</v>
      </c>
      <c r="X42" s="95">
        <v>1.2956528612396991E-2</v>
      </c>
      <c r="Y42" s="169">
        <v>0.5231348924262792</v>
      </c>
      <c r="Z42" s="95">
        <v>1.7889481435066849E-2</v>
      </c>
      <c r="AA42" s="94">
        <v>4.6913632777404554E-2</v>
      </c>
      <c r="AB42" s="95">
        <v>7.6181412396059594E-3</v>
      </c>
      <c r="AC42" s="166">
        <v>3116</v>
      </c>
      <c r="AD42" s="169">
        <v>0.22860873377640176</v>
      </c>
      <c r="AE42" s="95">
        <v>1.5044187648634145E-2</v>
      </c>
      <c r="AF42" s="169">
        <v>0.18314707765050062</v>
      </c>
      <c r="AG42" s="95">
        <v>1.3861100598487478E-2</v>
      </c>
      <c r="AH42" s="169">
        <v>0.5576776021064862</v>
      </c>
      <c r="AI42" s="95">
        <v>1.7783665032909228E-2</v>
      </c>
      <c r="AJ42" s="94">
        <v>3.0566586466605622E-2</v>
      </c>
      <c r="AK42" s="95">
        <v>6.2220609899252127E-3</v>
      </c>
    </row>
    <row r="43" spans="1:45">
      <c r="A43" s="43" t="s">
        <v>577</v>
      </c>
      <c r="B43" s="164">
        <v>413</v>
      </c>
      <c r="C43" s="168">
        <v>0.46779603952973869</v>
      </c>
      <c r="D43" s="92">
        <v>4.8870474901981507E-2</v>
      </c>
      <c r="E43" s="168">
        <v>0.12361541472876399</v>
      </c>
      <c r="F43" s="92">
        <v>3.2636271703454102E-2</v>
      </c>
      <c r="G43" s="168">
        <v>0.37675128426115584</v>
      </c>
      <c r="H43" s="92">
        <v>4.7488458873985236E-2</v>
      </c>
      <c r="I43" s="91">
        <v>3.1837261480341238E-2</v>
      </c>
      <c r="J43" s="92">
        <v>1.8325148896529187E-2</v>
      </c>
      <c r="K43" s="164">
        <v>413</v>
      </c>
      <c r="L43" s="168">
        <v>0.44865298708470436</v>
      </c>
      <c r="M43" s="92">
        <v>4.8716260888017032E-2</v>
      </c>
      <c r="N43" s="168">
        <v>0.17318239020958515</v>
      </c>
      <c r="O43" s="92">
        <v>3.7324107714615994E-2</v>
      </c>
      <c r="P43" s="168">
        <v>0.35004970059249702</v>
      </c>
      <c r="Q43" s="92">
        <v>4.6760187976202842E-2</v>
      </c>
      <c r="R43" s="91">
        <v>2.8114922113212714E-2</v>
      </c>
      <c r="S43" s="92">
        <v>1.7403639972625295E-2</v>
      </c>
      <c r="T43" s="164">
        <v>415</v>
      </c>
      <c r="U43" s="168">
        <v>0.30129953754885314</v>
      </c>
      <c r="V43" s="92">
        <v>4.4909706124192678E-2</v>
      </c>
      <c r="W43" s="168">
        <v>0.13106427449106609</v>
      </c>
      <c r="X43" s="92">
        <v>3.3345354615122065E-2</v>
      </c>
      <c r="Y43" s="168">
        <v>0.51242868230055483</v>
      </c>
      <c r="Z43" s="92">
        <v>4.883838850887269E-2</v>
      </c>
      <c r="AA43" s="91">
        <v>5.5207505659525709E-2</v>
      </c>
      <c r="AB43" s="92">
        <v>2.3104822493027814E-2</v>
      </c>
      <c r="AC43" s="164">
        <v>412</v>
      </c>
      <c r="AD43" s="168">
        <v>0.25534637411673983</v>
      </c>
      <c r="AE43" s="92">
        <v>4.2887389967420482E-2</v>
      </c>
      <c r="AF43" s="168">
        <v>0.20328151332537939</v>
      </c>
      <c r="AG43" s="92">
        <v>3.9667259363088229E-2</v>
      </c>
      <c r="AH43" s="168">
        <v>0.52861722730134009</v>
      </c>
      <c r="AI43" s="92">
        <v>4.8950203066011264E-2</v>
      </c>
      <c r="AJ43" s="91">
        <v>1.2754885256540234E-2</v>
      </c>
      <c r="AK43" s="92">
        <v>1.2836165526328306E-2</v>
      </c>
    </row>
    <row r="44" spans="1:45">
      <c r="A44" s="47" t="s">
        <v>578</v>
      </c>
      <c r="B44" s="166">
        <v>142</v>
      </c>
      <c r="C44" s="169">
        <v>0.31356212077961176</v>
      </c>
      <c r="D44" s="95">
        <v>7.712637449468035E-2</v>
      </c>
      <c r="E44" s="169">
        <v>0.15937037579699187</v>
      </c>
      <c r="F44" s="95">
        <v>6.1985878907783863E-2</v>
      </c>
      <c r="G44" s="169">
        <v>0.47709690604267474</v>
      </c>
      <c r="H44" s="95">
        <v>8.2678415979334799E-2</v>
      </c>
      <c r="I44" s="94">
        <v>4.9970597380721113E-2</v>
      </c>
      <c r="J44" s="95">
        <v>4.0006457994539217E-2</v>
      </c>
      <c r="K44" s="166">
        <v>142</v>
      </c>
      <c r="L44" s="169">
        <v>0.34259485378728849</v>
      </c>
      <c r="M44" s="95">
        <v>7.8785756381887992E-2</v>
      </c>
      <c r="N44" s="169">
        <v>0.19726543562271309</v>
      </c>
      <c r="O44" s="95">
        <v>6.6888746633408672E-2</v>
      </c>
      <c r="P44" s="169">
        <v>0.36208202849747323</v>
      </c>
      <c r="Q44" s="95">
        <v>7.9726694484216418E-2</v>
      </c>
      <c r="R44" s="94">
        <v>9.8057682092524759E-2</v>
      </c>
      <c r="S44" s="95">
        <v>5.1597382070668454E-2</v>
      </c>
      <c r="T44" s="166">
        <v>142</v>
      </c>
      <c r="U44" s="169">
        <v>0.20839612752265521</v>
      </c>
      <c r="V44" s="95">
        <v>6.8158294322514967E-2</v>
      </c>
      <c r="W44" s="169">
        <v>0.14497856773611503</v>
      </c>
      <c r="X44" s="95">
        <v>5.9856332307675023E-2</v>
      </c>
      <c r="Y44" s="169">
        <v>0.56144201300899921</v>
      </c>
      <c r="Z44" s="95">
        <v>8.2167370342324048E-2</v>
      </c>
      <c r="AA44" s="94">
        <v>8.5183291732230271E-2</v>
      </c>
      <c r="AB44" s="95">
        <v>4.888526994950116E-2</v>
      </c>
      <c r="AC44" s="166">
        <v>140</v>
      </c>
      <c r="AD44" s="169">
        <v>0.23673016976268207</v>
      </c>
      <c r="AE44" s="95">
        <v>7.158641380265815E-2</v>
      </c>
      <c r="AF44" s="169">
        <v>0.19565199993386759</v>
      </c>
      <c r="AG44" s="95">
        <v>6.7174483928911385E-2</v>
      </c>
      <c r="AH44" s="169">
        <v>0.54176331162014446</v>
      </c>
      <c r="AI44" s="95">
        <v>8.3058108600682801E-2</v>
      </c>
      <c r="AJ44" s="94">
        <v>2.5854518683305613E-2</v>
      </c>
      <c r="AK44" s="95">
        <v>3.2275832975938612E-2</v>
      </c>
    </row>
    <row r="45" spans="1:45">
      <c r="A45" s="43" t="s">
        <v>581</v>
      </c>
      <c r="B45" s="164">
        <v>9797</v>
      </c>
      <c r="C45" s="168">
        <v>0.28607033815462235</v>
      </c>
      <c r="D45" s="92">
        <v>9.1305856567842764E-3</v>
      </c>
      <c r="E45" s="168">
        <v>0.21069911411264794</v>
      </c>
      <c r="F45" s="92">
        <v>8.2401784166663689E-3</v>
      </c>
      <c r="G45" s="168">
        <v>0.42783546727759336</v>
      </c>
      <c r="H45" s="92">
        <v>9.9953367377296175E-3</v>
      </c>
      <c r="I45" s="91">
        <v>7.5395080455158581E-2</v>
      </c>
      <c r="J45" s="92">
        <v>5.3395201421305247E-3</v>
      </c>
      <c r="K45" s="164">
        <v>9810</v>
      </c>
      <c r="L45" s="168">
        <v>0.33552472417907486</v>
      </c>
      <c r="M45" s="92">
        <v>9.533011536203128E-3</v>
      </c>
      <c r="N45" s="168">
        <v>0.20061805946842873</v>
      </c>
      <c r="O45" s="92">
        <v>8.0866385984095061E-3</v>
      </c>
      <c r="P45" s="168">
        <v>0.38253258633468695</v>
      </c>
      <c r="Q45" s="92">
        <v>9.8120227637716745E-3</v>
      </c>
      <c r="R45" s="91">
        <v>8.1324630017832883E-2</v>
      </c>
      <c r="S45" s="92">
        <v>5.523493902811062E-3</v>
      </c>
      <c r="T45" s="164">
        <v>9787</v>
      </c>
      <c r="U45" s="168">
        <v>0.28134881631668007</v>
      </c>
      <c r="V45" s="92">
        <v>9.0895007336512252E-3</v>
      </c>
      <c r="W45" s="168">
        <v>0.17313248469818152</v>
      </c>
      <c r="X45" s="92">
        <v>7.6499054392753871E-3</v>
      </c>
      <c r="Y45" s="168">
        <v>0.46392070133305924</v>
      </c>
      <c r="Z45" s="92">
        <v>1.0079843594872439E-2</v>
      </c>
      <c r="AA45" s="91">
        <v>8.1597997652101309E-2</v>
      </c>
      <c r="AB45" s="92">
        <v>5.5384293743088106E-3</v>
      </c>
      <c r="AC45" s="164">
        <v>9788</v>
      </c>
      <c r="AD45" s="168">
        <v>0.19080238128871649</v>
      </c>
      <c r="AE45" s="92">
        <v>7.9437082996168078E-3</v>
      </c>
      <c r="AF45" s="168">
        <v>0.20806296547734768</v>
      </c>
      <c r="AG45" s="92">
        <v>8.2059475418003961E-3</v>
      </c>
      <c r="AH45" s="168">
        <v>0.54474216338460923</v>
      </c>
      <c r="AI45" s="92">
        <v>1.0065142682435121E-2</v>
      </c>
      <c r="AJ45" s="91">
        <v>5.6392489849346708E-2</v>
      </c>
      <c r="AK45" s="92">
        <v>4.6693408961413713E-3</v>
      </c>
    </row>
    <row r="46" spans="1:45">
      <c r="A46" s="47" t="s">
        <v>580</v>
      </c>
      <c r="B46" s="166">
        <v>4007</v>
      </c>
      <c r="C46" s="169">
        <v>0.34141710354670596</v>
      </c>
      <c r="D46" s="95">
        <v>1.4976141553505819E-2</v>
      </c>
      <c r="E46" s="169">
        <v>0.19495910156594948</v>
      </c>
      <c r="F46" s="95">
        <v>1.2518171176099062E-2</v>
      </c>
      <c r="G46" s="169">
        <v>0.4047643971926127</v>
      </c>
      <c r="H46" s="95">
        <v>1.5501208671821724E-2</v>
      </c>
      <c r="I46" s="94">
        <v>5.8859397694731704E-2</v>
      </c>
      <c r="J46" s="95">
        <v>7.4585478348564898E-3</v>
      </c>
      <c r="K46" s="166">
        <v>4005</v>
      </c>
      <c r="L46" s="169">
        <v>0.41642425267182481</v>
      </c>
      <c r="M46" s="95">
        <v>1.5571879726562798E-2</v>
      </c>
      <c r="N46" s="169">
        <v>0.18847659233756045</v>
      </c>
      <c r="O46" s="95">
        <v>1.23613478727324E-2</v>
      </c>
      <c r="P46" s="169">
        <v>0.34499116906368782</v>
      </c>
      <c r="Q46" s="95">
        <v>1.5017083013853976E-2</v>
      </c>
      <c r="R46" s="94">
        <v>5.0107985926925752E-2</v>
      </c>
      <c r="S46" s="95">
        <v>6.9204849221613874E-3</v>
      </c>
      <c r="T46" s="166">
        <v>4007</v>
      </c>
      <c r="U46" s="169">
        <v>0.24525284097233757</v>
      </c>
      <c r="V46" s="95">
        <v>1.359136719523932E-2</v>
      </c>
      <c r="W46" s="169">
        <v>0.15754131386763714</v>
      </c>
      <c r="X46" s="95">
        <v>1.1514826027770882E-2</v>
      </c>
      <c r="Y46" s="169">
        <v>0.5410510179009782</v>
      </c>
      <c r="Z46" s="95">
        <v>1.5736491704369176E-2</v>
      </c>
      <c r="AA46" s="94">
        <v>5.615482725904699E-2</v>
      </c>
      <c r="AB46" s="95">
        <v>7.297105724285183E-3</v>
      </c>
      <c r="AC46" s="166">
        <v>4002</v>
      </c>
      <c r="AD46" s="169">
        <v>0.18834155328832686</v>
      </c>
      <c r="AE46" s="95">
        <v>1.2362590194487124E-2</v>
      </c>
      <c r="AF46" s="169">
        <v>0.1801243436740726</v>
      </c>
      <c r="AG46" s="95">
        <v>1.2151637889201355E-2</v>
      </c>
      <c r="AH46" s="169">
        <v>0.59092602657395199</v>
      </c>
      <c r="AI46" s="95">
        <v>1.5536630247535757E-2</v>
      </c>
      <c r="AJ46" s="94">
        <v>4.0608076463648848E-2</v>
      </c>
      <c r="AK46" s="95">
        <v>6.2706712485774505E-3</v>
      </c>
    </row>
    <row r="47" spans="1:45">
      <c r="A47" s="43" t="s">
        <v>583</v>
      </c>
      <c r="B47" s="164">
        <v>914</v>
      </c>
      <c r="C47" s="168">
        <v>0.38451829338794741</v>
      </c>
      <c r="D47" s="92">
        <v>3.2120412090250974E-2</v>
      </c>
      <c r="E47" s="168">
        <v>0.16806953491756993</v>
      </c>
      <c r="F47" s="92">
        <v>2.4767347075108446E-2</v>
      </c>
      <c r="G47" s="168">
        <v>0.39821425042124658</v>
      </c>
      <c r="H47" s="92">
        <v>3.2319871239540374E-2</v>
      </c>
      <c r="I47" s="91">
        <v>4.9197921273234739E-2</v>
      </c>
      <c r="J47" s="92">
        <v>1.454384547043364E-2</v>
      </c>
      <c r="K47" s="164">
        <v>916</v>
      </c>
      <c r="L47" s="168">
        <v>0.4715640374604263</v>
      </c>
      <c r="M47" s="92">
        <v>3.2916126091982675E-2</v>
      </c>
      <c r="N47" s="168">
        <v>0.16833853854720549</v>
      </c>
      <c r="O47" s="92">
        <v>2.4755773281358855E-2</v>
      </c>
      <c r="P47" s="168">
        <v>0.31435647970518527</v>
      </c>
      <c r="Q47" s="92">
        <v>3.063356461547314E-2</v>
      </c>
      <c r="R47" s="91">
        <v>4.5740944287181555E-2</v>
      </c>
      <c r="S47" s="92">
        <v>1.4055660868446548E-2</v>
      </c>
      <c r="T47" s="164">
        <v>916</v>
      </c>
      <c r="U47" s="168">
        <v>0.27607303250531634</v>
      </c>
      <c r="V47" s="92">
        <v>2.9509894723858357E-2</v>
      </c>
      <c r="W47" s="168">
        <v>0.18814105377813506</v>
      </c>
      <c r="X47" s="92">
        <v>2.584131033339691E-2</v>
      </c>
      <c r="Y47" s="168">
        <v>0.48404467463496942</v>
      </c>
      <c r="Z47" s="92">
        <v>3.2952379108757368E-2</v>
      </c>
      <c r="AA47" s="91">
        <v>5.1741239081577739E-2</v>
      </c>
      <c r="AB47" s="92">
        <v>1.4862785988848968E-2</v>
      </c>
      <c r="AC47" s="164">
        <v>914</v>
      </c>
      <c r="AD47" s="168">
        <v>0.20649214591154977</v>
      </c>
      <c r="AE47" s="92">
        <v>2.6780983658074037E-2</v>
      </c>
      <c r="AF47" s="168">
        <v>0.19006247150631514</v>
      </c>
      <c r="AG47" s="92">
        <v>2.596914877104247E-2</v>
      </c>
      <c r="AH47" s="168">
        <v>0.57303305342881805</v>
      </c>
      <c r="AI47" s="92">
        <v>3.265402943437816E-2</v>
      </c>
      <c r="AJ47" s="91">
        <v>3.0412329153315557E-2</v>
      </c>
      <c r="AK47" s="92">
        <v>1.1697887448388792E-2</v>
      </c>
    </row>
    <row r="48" spans="1:45">
      <c r="A48" s="47" t="s">
        <v>582</v>
      </c>
      <c r="B48" s="166">
        <v>3093</v>
      </c>
      <c r="C48" s="169">
        <v>0.32602842589646758</v>
      </c>
      <c r="D48" s="95">
        <v>1.6849426142528157E-2</v>
      </c>
      <c r="E48" s="169">
        <v>0.20455964565372728</v>
      </c>
      <c r="F48" s="95">
        <v>1.4506868591780832E-2</v>
      </c>
      <c r="G48" s="169">
        <v>0.40710303558281874</v>
      </c>
      <c r="H48" s="95">
        <v>1.7657174859602179E-2</v>
      </c>
      <c r="I48" s="94">
        <v>6.2308892866986418E-2</v>
      </c>
      <c r="J48" s="95">
        <v>8.7235767222802203E-3</v>
      </c>
      <c r="K48" s="166">
        <v>3089</v>
      </c>
      <c r="L48" s="169">
        <v>0.39666627188997461</v>
      </c>
      <c r="M48" s="95">
        <v>1.7593673028260013E-2</v>
      </c>
      <c r="N48" s="169">
        <v>0.19569256681586417</v>
      </c>
      <c r="O48" s="95">
        <v>1.427802761396774E-2</v>
      </c>
      <c r="P48" s="169">
        <v>0.35596835379380254</v>
      </c>
      <c r="Q48" s="95">
        <v>1.7220672962663046E-2</v>
      </c>
      <c r="R48" s="94">
        <v>5.167280750035786E-2</v>
      </c>
      <c r="S48" s="95">
        <v>8.0027693923882606E-3</v>
      </c>
      <c r="T48" s="166">
        <v>3091</v>
      </c>
      <c r="U48" s="169">
        <v>0.23421054593170593</v>
      </c>
      <c r="V48" s="95">
        <v>1.5232753156878342E-2</v>
      </c>
      <c r="W48" s="169">
        <v>0.14657800249766151</v>
      </c>
      <c r="X48" s="95">
        <v>1.2731376260058418E-2</v>
      </c>
      <c r="Y48" s="169">
        <v>0.56147531866683364</v>
      </c>
      <c r="Z48" s="95">
        <v>1.783900529151243E-2</v>
      </c>
      <c r="AA48" s="94">
        <v>5.7736132903799788E-2</v>
      </c>
      <c r="AB48" s="95">
        <v>8.423977464635031E-3</v>
      </c>
      <c r="AC48" s="166">
        <v>3088</v>
      </c>
      <c r="AD48" s="169">
        <v>0.18184235752956387</v>
      </c>
      <c r="AE48" s="95">
        <v>1.3885385812204607E-2</v>
      </c>
      <c r="AF48" s="169">
        <v>0.17656579109134779</v>
      </c>
      <c r="AG48" s="95">
        <v>1.3727188364067382E-2</v>
      </c>
      <c r="AH48" s="169">
        <v>0.59733297634085503</v>
      </c>
      <c r="AI48" s="95">
        <v>1.7640611860152831E-2</v>
      </c>
      <c r="AJ48" s="94">
        <v>4.4258875038233843E-2</v>
      </c>
      <c r="AK48" s="95">
        <v>7.4442356520981849E-3</v>
      </c>
    </row>
    <row r="49" spans="1:37">
      <c r="A49" s="43" t="s">
        <v>568</v>
      </c>
      <c r="B49" s="164">
        <v>8252</v>
      </c>
      <c r="C49" s="168">
        <v>0.29156576335218215</v>
      </c>
      <c r="D49" s="92">
        <v>1.0004777359312303E-2</v>
      </c>
      <c r="E49" s="168">
        <v>0.20632337501261716</v>
      </c>
      <c r="F49" s="92">
        <v>8.909471251615857E-3</v>
      </c>
      <c r="G49" s="168">
        <v>0.41407526157611768</v>
      </c>
      <c r="H49" s="92">
        <v>1.0842067701134547E-2</v>
      </c>
      <c r="I49" s="91">
        <v>8.8035600059071226E-2</v>
      </c>
      <c r="J49" s="92">
        <v>6.2432034960606553E-3</v>
      </c>
      <c r="K49" s="164">
        <v>8249</v>
      </c>
      <c r="L49" s="168">
        <v>0.34666762312772886</v>
      </c>
      <c r="M49" s="92">
        <v>1.0477789003746589E-2</v>
      </c>
      <c r="N49" s="168">
        <v>0.20704941896360995</v>
      </c>
      <c r="O49" s="92">
        <v>8.922655285253692E-3</v>
      </c>
      <c r="P49" s="168">
        <v>0.35717663441549063</v>
      </c>
      <c r="Q49" s="92">
        <v>1.0549457233825287E-2</v>
      </c>
      <c r="R49" s="91">
        <v>8.9106323493158973E-2</v>
      </c>
      <c r="S49" s="92">
        <v>6.2784070969989728E-3</v>
      </c>
      <c r="T49" s="164">
        <v>8247</v>
      </c>
      <c r="U49" s="168">
        <v>0.27513724621252467</v>
      </c>
      <c r="V49" s="92">
        <v>9.834055312220813E-3</v>
      </c>
      <c r="W49" s="168">
        <v>0.16336780516818636</v>
      </c>
      <c r="X49" s="92">
        <v>8.1433232522646476E-3</v>
      </c>
      <c r="Y49" s="168">
        <v>0.4729938655426475</v>
      </c>
      <c r="Z49" s="92">
        <v>1.0992915947560456E-2</v>
      </c>
      <c r="AA49" s="91">
        <v>8.8501083076631376E-2</v>
      </c>
      <c r="AB49" s="92">
        <v>6.2599442365103503E-3</v>
      </c>
      <c r="AC49" s="164">
        <v>8245</v>
      </c>
      <c r="AD49" s="168">
        <v>0.20643443675082357</v>
      </c>
      <c r="AE49" s="92">
        <v>8.9150247997766986E-3</v>
      </c>
      <c r="AF49" s="168">
        <v>0.20214390074255292</v>
      </c>
      <c r="AG49" s="92">
        <v>8.8458125858628597E-3</v>
      </c>
      <c r="AH49" s="168">
        <v>0.52783492464355997</v>
      </c>
      <c r="AI49" s="92">
        <v>1.0993247096433151E-2</v>
      </c>
      <c r="AJ49" s="91">
        <v>6.358673786304983E-2</v>
      </c>
      <c r="AK49" s="92">
        <v>5.3816914323283416E-3</v>
      </c>
    </row>
    <row r="50" spans="1:37">
      <c r="A50" s="47" t="s">
        <v>569</v>
      </c>
      <c r="B50" s="166">
        <v>5493</v>
      </c>
      <c r="C50" s="169">
        <v>0.2884649119737826</v>
      </c>
      <c r="D50" s="95">
        <v>1.222307974288948E-2</v>
      </c>
      <c r="E50" s="169">
        <v>0.20897256319889926</v>
      </c>
      <c r="F50" s="95">
        <v>1.0971584148524725E-2</v>
      </c>
      <c r="G50" s="169">
        <v>0.44286011212152121</v>
      </c>
      <c r="H50" s="95">
        <v>1.3399442102506104E-2</v>
      </c>
      <c r="I50" s="94">
        <v>5.9702412705817484E-2</v>
      </c>
      <c r="J50" s="95">
        <v>6.4074308158282006E-3</v>
      </c>
      <c r="K50" s="166">
        <v>5507</v>
      </c>
      <c r="L50" s="169">
        <v>0.33310876627116437</v>
      </c>
      <c r="M50" s="95">
        <v>1.2699155163641219E-2</v>
      </c>
      <c r="N50" s="169">
        <v>0.19454826528283461</v>
      </c>
      <c r="O50" s="95">
        <v>1.0669296125965967E-2</v>
      </c>
      <c r="P50" s="169">
        <v>0.40478999938367011</v>
      </c>
      <c r="Q50" s="95">
        <v>1.3224420262566655E-2</v>
      </c>
      <c r="R50" s="94">
        <v>6.7552969062350809E-2</v>
      </c>
      <c r="S50" s="95">
        <v>6.7761437038829052E-3</v>
      </c>
      <c r="T50" s="166">
        <v>5490</v>
      </c>
      <c r="U50" s="169">
        <v>0.27815006436581013</v>
      </c>
      <c r="V50" s="95">
        <v>1.2092780719605196E-2</v>
      </c>
      <c r="W50" s="169">
        <v>0.17854011705483569</v>
      </c>
      <c r="X50" s="95">
        <v>1.0338781225861916E-2</v>
      </c>
      <c r="Y50" s="169">
        <v>0.47377962953559105</v>
      </c>
      <c r="Z50" s="95">
        <v>1.3472821619713908E-2</v>
      </c>
      <c r="AA50" s="94">
        <v>6.9530189043784094E-2</v>
      </c>
      <c r="AB50" s="95">
        <v>6.8774424567219208E-3</v>
      </c>
      <c r="AC50" s="166">
        <v>5486</v>
      </c>
      <c r="AD50" s="169">
        <v>0.16925507663970482</v>
      </c>
      <c r="AE50" s="95">
        <v>1.0127318583156098E-2</v>
      </c>
      <c r="AF50" s="169">
        <v>0.20650381894345149</v>
      </c>
      <c r="AG50" s="95">
        <v>1.0930663033839123E-2</v>
      </c>
      <c r="AH50" s="169">
        <v>0.57873539432918408</v>
      </c>
      <c r="AI50" s="95">
        <v>1.3328134722125129E-2</v>
      </c>
      <c r="AJ50" s="94">
        <v>4.5505710087679493E-2</v>
      </c>
      <c r="AK50" s="95">
        <v>5.6449817379194914E-3</v>
      </c>
    </row>
    <row r="51" spans="1:37">
      <c r="A51" s="55" t="s">
        <v>570</v>
      </c>
      <c r="B51" s="164">
        <v>1774</v>
      </c>
      <c r="C51" s="168">
        <v>0.26425013095144467</v>
      </c>
      <c r="D51" s="92">
        <v>2.0927416890683767E-2</v>
      </c>
      <c r="E51" s="168">
        <v>0.23068853990004826</v>
      </c>
      <c r="F51" s="92">
        <v>1.9999848625041117E-2</v>
      </c>
      <c r="G51" s="168">
        <v>0.41888727318229108</v>
      </c>
      <c r="H51" s="92">
        <v>2.3402878082626432E-2</v>
      </c>
      <c r="I51" s="91">
        <v>8.6174055966218119E-2</v>
      </c>
      <c r="J51" s="92">
        <v>1.337507365370498E-2</v>
      </c>
      <c r="K51" s="164">
        <v>1775</v>
      </c>
      <c r="L51" s="168">
        <v>0.30973727974782955</v>
      </c>
      <c r="M51" s="92">
        <v>2.1933657541510353E-2</v>
      </c>
      <c r="N51" s="168">
        <v>0.1992454721285461</v>
      </c>
      <c r="O51" s="92">
        <v>1.8964362116801064E-2</v>
      </c>
      <c r="P51" s="168">
        <v>0.38754067095310546</v>
      </c>
      <c r="Q51" s="92">
        <v>2.3104217205324171E-2</v>
      </c>
      <c r="R51" s="91">
        <v>0.10347657717052097</v>
      </c>
      <c r="S51" s="92">
        <v>1.4497421442959476E-2</v>
      </c>
      <c r="T51" s="164">
        <v>1773</v>
      </c>
      <c r="U51" s="168">
        <v>0.32709527924347948</v>
      </c>
      <c r="V51" s="92">
        <v>2.2265517860874603E-2</v>
      </c>
      <c r="W51" s="168">
        <v>0.19170454734948555</v>
      </c>
      <c r="X51" s="92">
        <v>1.8701898457305584E-2</v>
      </c>
      <c r="Y51" s="168">
        <v>0.38565674336057137</v>
      </c>
      <c r="Z51" s="92">
        <v>2.3096500056526845E-2</v>
      </c>
      <c r="AA51" s="91">
        <v>9.5543430046465622E-2</v>
      </c>
      <c r="AB51" s="92">
        <v>1.4006229771754775E-2</v>
      </c>
      <c r="AC51" s="164">
        <v>1775</v>
      </c>
      <c r="AD51" s="168">
        <v>0.22486700231273157</v>
      </c>
      <c r="AE51" s="92">
        <v>1.9816009142603657E-2</v>
      </c>
      <c r="AF51" s="168">
        <v>0.21459476378594922</v>
      </c>
      <c r="AG51" s="92">
        <v>1.9488094125542588E-2</v>
      </c>
      <c r="AH51" s="168">
        <v>0.50517853999004236</v>
      </c>
      <c r="AI51" s="92">
        <v>2.3707667965578501E-2</v>
      </c>
      <c r="AJ51" s="91">
        <v>5.5359693911277201E-2</v>
      </c>
      <c r="AK51" s="92">
        <v>1.0935249147297347E-2</v>
      </c>
    </row>
    <row r="52" spans="1:37">
      <c r="A52" s="47" t="s">
        <v>571</v>
      </c>
      <c r="B52" s="166">
        <v>3774</v>
      </c>
      <c r="C52" s="169">
        <v>0.30896997534256404</v>
      </c>
      <c r="D52" s="95">
        <v>1.5037794714563287E-2</v>
      </c>
      <c r="E52" s="169">
        <v>0.22136476334365157</v>
      </c>
      <c r="F52" s="95">
        <v>1.3515346931025128E-2</v>
      </c>
      <c r="G52" s="169">
        <v>0.399814593048122</v>
      </c>
      <c r="H52" s="95">
        <v>1.5940071954453787E-2</v>
      </c>
      <c r="I52" s="94">
        <v>6.9850668265662899E-2</v>
      </c>
      <c r="J52" s="95">
        <v>8.3188921779992955E-3</v>
      </c>
      <c r="K52" s="166">
        <v>3777</v>
      </c>
      <c r="L52" s="169">
        <v>0.36398014792282019</v>
      </c>
      <c r="M52" s="95">
        <v>1.5650835906286405E-2</v>
      </c>
      <c r="N52" s="169">
        <v>0.22097561887591738</v>
      </c>
      <c r="O52" s="95">
        <v>1.3501497587594079E-2</v>
      </c>
      <c r="P52" s="169">
        <v>0.35174542679719534</v>
      </c>
      <c r="Q52" s="95">
        <v>1.553309294268417E-2</v>
      </c>
      <c r="R52" s="94">
        <v>6.3298806404067723E-2</v>
      </c>
      <c r="S52" s="95">
        <v>7.9468854335551786E-3</v>
      </c>
      <c r="T52" s="166">
        <v>3774</v>
      </c>
      <c r="U52" s="169">
        <v>0.30762866572548486</v>
      </c>
      <c r="V52" s="95">
        <v>1.5019718496913987E-2</v>
      </c>
      <c r="W52" s="169">
        <v>0.18022777394753803</v>
      </c>
      <c r="X52" s="95">
        <v>1.2516252411690836E-2</v>
      </c>
      <c r="Y52" s="169">
        <v>0.43660358280029304</v>
      </c>
      <c r="Z52" s="95">
        <v>1.6138278867801358E-2</v>
      </c>
      <c r="AA52" s="94">
        <v>7.5539977526683524E-2</v>
      </c>
      <c r="AB52" s="95">
        <v>8.6221177399256228E-3</v>
      </c>
      <c r="AC52" s="166">
        <v>3774</v>
      </c>
      <c r="AD52" s="169">
        <v>0.20700556833144443</v>
      </c>
      <c r="AE52" s="95">
        <v>1.3190622904934056E-2</v>
      </c>
      <c r="AF52" s="169">
        <v>0.22263018424187844</v>
      </c>
      <c r="AG52" s="95">
        <v>1.3542819122519489E-2</v>
      </c>
      <c r="AH52" s="169">
        <v>0.52534180771297001</v>
      </c>
      <c r="AI52" s="95">
        <v>1.6248440148294185E-2</v>
      </c>
      <c r="AJ52" s="94">
        <v>4.502243971370759E-2</v>
      </c>
      <c r="AK52" s="95">
        <v>6.7812780952196281E-3</v>
      </c>
    </row>
    <row r="53" spans="1:37">
      <c r="A53" s="55" t="s">
        <v>572</v>
      </c>
      <c r="B53" s="164">
        <v>4158</v>
      </c>
      <c r="C53" s="168">
        <v>0.33388819184674062</v>
      </c>
      <c r="D53" s="92">
        <v>1.4621933585570556E-2</v>
      </c>
      <c r="E53" s="168">
        <v>0.18699042968876445</v>
      </c>
      <c r="F53" s="92">
        <v>1.2094980563487559E-2</v>
      </c>
      <c r="G53" s="168">
        <v>0.39852950872502552</v>
      </c>
      <c r="H53" s="92">
        <v>1.5178689659369178E-2</v>
      </c>
      <c r="I53" s="91">
        <v>8.0591869739478017E-2</v>
      </c>
      <c r="J53" s="92">
        <v>8.4579844978088965E-3</v>
      </c>
      <c r="K53" s="164">
        <v>4159</v>
      </c>
      <c r="L53" s="168">
        <v>0.38400422655005828</v>
      </c>
      <c r="M53" s="92">
        <v>1.5076737796691454E-2</v>
      </c>
      <c r="N53" s="168">
        <v>0.18812853235878499</v>
      </c>
      <c r="O53" s="92">
        <v>1.2121690957369638E-2</v>
      </c>
      <c r="P53" s="168">
        <v>0.33796394893320725</v>
      </c>
      <c r="Q53" s="92">
        <v>1.4663975844930391E-2</v>
      </c>
      <c r="R53" s="91">
        <v>8.9903292157958337E-2</v>
      </c>
      <c r="S53" s="92">
        <v>8.8841111443202659E-3</v>
      </c>
      <c r="T53" s="164">
        <v>4154</v>
      </c>
      <c r="U53" s="168">
        <v>0.26276214551804672</v>
      </c>
      <c r="V53" s="92">
        <v>1.3655080246997986E-2</v>
      </c>
      <c r="W53" s="168">
        <v>0.16127240919049729</v>
      </c>
      <c r="X53" s="92">
        <v>1.1416479066909513E-2</v>
      </c>
      <c r="Y53" s="168">
        <v>0.49440268417838057</v>
      </c>
      <c r="Z53" s="92">
        <v>1.5507100277744492E-2</v>
      </c>
      <c r="AA53" s="91">
        <v>8.1562761113082805E-2</v>
      </c>
      <c r="AB53" s="92">
        <v>8.508094668166627E-3</v>
      </c>
      <c r="AC53" s="164">
        <v>4148</v>
      </c>
      <c r="AD53" s="168">
        <v>0.20770895915153292</v>
      </c>
      <c r="AE53" s="92">
        <v>1.259761427105326E-2</v>
      </c>
      <c r="AF53" s="168">
        <v>0.19543274231298327</v>
      </c>
      <c r="AG53" s="92">
        <v>1.2314810471574502E-2</v>
      </c>
      <c r="AH53" s="168">
        <v>0.52932505147830822</v>
      </c>
      <c r="AI53" s="92">
        <v>1.5492608017681131E-2</v>
      </c>
      <c r="AJ53" s="91">
        <v>6.7533247057185289E-2</v>
      </c>
      <c r="AK53" s="92">
        <v>7.8111559512354274E-3</v>
      </c>
    </row>
    <row r="54" spans="1:37">
      <c r="A54" s="47" t="s">
        <v>573</v>
      </c>
      <c r="B54" s="166">
        <v>3975</v>
      </c>
      <c r="C54" s="169">
        <v>0.23122206105648918</v>
      </c>
      <c r="D54" s="95">
        <v>1.3373201390768422E-2</v>
      </c>
      <c r="E54" s="169">
        <v>0.18028170745856628</v>
      </c>
      <c r="F54" s="95">
        <v>1.2196993629155713E-2</v>
      </c>
      <c r="G54" s="169">
        <v>0.52528507726600093</v>
      </c>
      <c r="H54" s="95">
        <v>1.5832814316744308E-2</v>
      </c>
      <c r="I54" s="94">
        <v>6.3211154218937263E-2</v>
      </c>
      <c r="J54" s="95">
        <v>7.7403772361338699E-3</v>
      </c>
      <c r="K54" s="166">
        <v>3979</v>
      </c>
      <c r="L54" s="169">
        <v>0.27415808634909078</v>
      </c>
      <c r="M54" s="95">
        <v>1.414028289775705E-2</v>
      </c>
      <c r="N54" s="169">
        <v>0.17995047473791806</v>
      </c>
      <c r="O54" s="95">
        <v>1.2182144952382457E-2</v>
      </c>
      <c r="P54" s="169">
        <v>0.47797067040510122</v>
      </c>
      <c r="Q54" s="95">
        <v>1.5829739436853604E-2</v>
      </c>
      <c r="R54" s="94">
        <v>6.7920768507883811E-2</v>
      </c>
      <c r="S54" s="95">
        <v>7.9971328032472401E-3</v>
      </c>
      <c r="T54" s="166">
        <v>3970</v>
      </c>
      <c r="U54" s="169">
        <v>0.18816921493085484</v>
      </c>
      <c r="V54" s="95">
        <v>1.2407978836927652E-2</v>
      </c>
      <c r="W54" s="169">
        <v>0.14403074770822039</v>
      </c>
      <c r="X54" s="95">
        <v>1.1151193595039972E-2</v>
      </c>
      <c r="Y54" s="169">
        <v>0.60173703069380513</v>
      </c>
      <c r="Z54" s="95">
        <v>1.5531852829655095E-2</v>
      </c>
      <c r="AA54" s="94">
        <v>6.6063006667112359E-2</v>
      </c>
      <c r="AB54" s="95">
        <v>7.9046635407154439E-3</v>
      </c>
      <c r="AC54" s="166">
        <v>3967</v>
      </c>
      <c r="AD54" s="169">
        <v>9.5723145379190452E-2</v>
      </c>
      <c r="AE54" s="95">
        <v>9.3554194882686497E-3</v>
      </c>
      <c r="AF54" s="169">
        <v>0.17015286946156125</v>
      </c>
      <c r="AG54" s="95">
        <v>1.1935356288757897E-2</v>
      </c>
      <c r="AH54" s="169">
        <v>0.67800105627949003</v>
      </c>
      <c r="AI54" s="95">
        <v>1.4831528463387512E-2</v>
      </c>
      <c r="AJ54" s="94">
        <v>5.6122928879750698E-2</v>
      </c>
      <c r="AK54" s="95">
        <v>7.3320961962661168E-3</v>
      </c>
    </row>
    <row r="55" spans="1:37">
      <c r="A55" s="55" t="s">
        <v>579</v>
      </c>
      <c r="B55" s="164">
        <v>9621</v>
      </c>
      <c r="C55" s="168">
        <v>0.30217366437024085</v>
      </c>
      <c r="D55" s="92">
        <v>9.3619237046311289E-3</v>
      </c>
      <c r="E55" s="168">
        <v>0.20932074576530182</v>
      </c>
      <c r="F55" s="92">
        <v>8.2952224885851529E-3</v>
      </c>
      <c r="G55" s="168">
        <v>0.41591799378273492</v>
      </c>
      <c r="H55" s="92">
        <v>1.0047907915728412E-2</v>
      </c>
      <c r="I55" s="91">
        <v>7.258759608174746E-2</v>
      </c>
      <c r="J55" s="92">
        <v>5.2952493084637495E-3</v>
      </c>
      <c r="K55" s="164">
        <v>9633</v>
      </c>
      <c r="L55" s="168">
        <v>0.3605518495640237</v>
      </c>
      <c r="M55" s="92">
        <v>9.7827464597338536E-3</v>
      </c>
      <c r="N55" s="168">
        <v>0.19624374901240024</v>
      </c>
      <c r="O55" s="92">
        <v>8.0932799502231242E-3</v>
      </c>
      <c r="P55" s="168">
        <v>0.36650929171368984</v>
      </c>
      <c r="Q55" s="92">
        <v>9.8171520424377937E-3</v>
      </c>
      <c r="R55" s="91">
        <v>7.6695109709911308E-2</v>
      </c>
      <c r="S55" s="92">
        <v>5.4271401344701247E-3</v>
      </c>
      <c r="T55" s="164">
        <v>9609</v>
      </c>
      <c r="U55" s="168">
        <v>0.27687845584633086</v>
      </c>
      <c r="V55" s="92">
        <v>9.128421312617702E-3</v>
      </c>
      <c r="W55" s="168">
        <v>0.16719049733676933</v>
      </c>
      <c r="X55" s="92">
        <v>7.614174606781785E-3</v>
      </c>
      <c r="Y55" s="168">
        <v>0.47612716786137876</v>
      </c>
      <c r="Z55" s="92">
        <v>1.0187681456416098E-2</v>
      </c>
      <c r="AA55" s="91">
        <v>7.9803878955545485E-2</v>
      </c>
      <c r="AB55" s="92">
        <v>5.5333315729826291E-3</v>
      </c>
      <c r="AC55" s="164">
        <v>9608</v>
      </c>
      <c r="AD55" s="168">
        <v>0.19348257436179075</v>
      </c>
      <c r="AE55" s="92">
        <v>8.0604573628399699E-3</v>
      </c>
      <c r="AF55" s="168">
        <v>0.20606331256920715</v>
      </c>
      <c r="AG55" s="92">
        <v>8.2529989987541307E-3</v>
      </c>
      <c r="AH55" s="168">
        <v>0.54680491736869596</v>
      </c>
      <c r="AI55" s="92">
        <v>1.0155083814141163E-2</v>
      </c>
      <c r="AJ55" s="91">
        <v>5.3649195700328133E-2</v>
      </c>
      <c r="AK55" s="92">
        <v>4.6040358423394693E-3</v>
      </c>
    </row>
    <row r="56" spans="1:37">
      <c r="A56" s="47" t="s">
        <v>585</v>
      </c>
      <c r="B56" s="166">
        <v>1546</v>
      </c>
      <c r="C56" s="169">
        <v>0.28235995010205889</v>
      </c>
      <c r="D56" s="95">
        <v>2.2881290796767019E-2</v>
      </c>
      <c r="E56" s="169">
        <v>0.19567663738650701</v>
      </c>
      <c r="F56" s="95">
        <v>2.0183971620484801E-2</v>
      </c>
      <c r="G56" s="169">
        <v>0.45189209583091489</v>
      </c>
      <c r="H56" s="95">
        <v>2.5282790744344724E-2</v>
      </c>
      <c r="I56" s="94">
        <v>7.0071316680521342E-2</v>
      </c>
      <c r="J56" s="95">
        <v>1.3062045716031567E-2</v>
      </c>
      <c r="K56" s="166">
        <v>1545</v>
      </c>
      <c r="L56" s="169">
        <v>0.31391638887358686</v>
      </c>
      <c r="M56" s="95">
        <v>2.3592817385431151E-2</v>
      </c>
      <c r="N56" s="169">
        <v>0.22042152651344743</v>
      </c>
      <c r="O56" s="95">
        <v>2.1089684854572549E-2</v>
      </c>
      <c r="P56" s="169">
        <v>0.38184023365188346</v>
      </c>
      <c r="Q56" s="95">
        <v>2.4692310995219225E-2</v>
      </c>
      <c r="R56" s="94">
        <v>8.3821850961084826E-2</v>
      </c>
      <c r="S56" s="95">
        <v>1.4163950806800352E-2</v>
      </c>
      <c r="T56" s="166">
        <v>1547</v>
      </c>
      <c r="U56" s="169">
        <v>0.23781832529501867</v>
      </c>
      <c r="V56" s="95">
        <v>2.1642119704107083E-2</v>
      </c>
      <c r="W56" s="169">
        <v>0.18730250217338157</v>
      </c>
      <c r="X56" s="95">
        <v>1.9846215247004344E-2</v>
      </c>
      <c r="Y56" s="169">
        <v>0.481705922380813</v>
      </c>
      <c r="Z56" s="95">
        <v>2.5374921786190909E-2</v>
      </c>
      <c r="AA56" s="94">
        <v>9.3173250150788881E-2</v>
      </c>
      <c r="AB56" s="95">
        <v>1.4835837462351726E-2</v>
      </c>
      <c r="AC56" s="166">
        <v>1544</v>
      </c>
      <c r="AD56" s="169">
        <v>0.17774171495390689</v>
      </c>
      <c r="AE56" s="95">
        <v>1.9468758442669886E-2</v>
      </c>
      <c r="AF56" s="169">
        <v>0.20956742206996354</v>
      </c>
      <c r="AG56" s="95">
        <v>2.0716137175412517E-2</v>
      </c>
      <c r="AH56" s="169">
        <v>0.5501773799752897</v>
      </c>
      <c r="AI56" s="95">
        <v>2.528878301537367E-2</v>
      </c>
      <c r="AJ56" s="94">
        <v>6.2513483000841891E-2</v>
      </c>
      <c r="AK56" s="95">
        <v>1.2409193488106271E-2</v>
      </c>
    </row>
    <row r="57" spans="1:37">
      <c r="A57" s="55" t="s">
        <v>586</v>
      </c>
      <c r="B57" s="164">
        <v>906</v>
      </c>
      <c r="C57" s="168">
        <v>0.20936857263168793</v>
      </c>
      <c r="D57" s="92">
        <v>2.7034719652167423E-2</v>
      </c>
      <c r="E57" s="168">
        <v>0.20341891175216567</v>
      </c>
      <c r="F57" s="92">
        <v>2.6751706225817243E-2</v>
      </c>
      <c r="G57" s="168">
        <v>0.50299638929104351</v>
      </c>
      <c r="H57" s="92">
        <v>3.3149087164153136E-2</v>
      </c>
      <c r="I57" s="91">
        <v>8.421612632510353E-2</v>
      </c>
      <c r="J57" s="92">
        <v>1.8592237683288382E-2</v>
      </c>
      <c r="K57" s="164">
        <v>909</v>
      </c>
      <c r="L57" s="168">
        <v>0.25581526813700012</v>
      </c>
      <c r="M57" s="92">
        <v>2.8919583790067954E-2</v>
      </c>
      <c r="N57" s="168">
        <v>0.20981844428790769</v>
      </c>
      <c r="O57" s="92">
        <v>2.7011083093194815E-2</v>
      </c>
      <c r="P57" s="168">
        <v>0.4487807006251962</v>
      </c>
      <c r="Q57" s="92">
        <v>3.2922593023332065E-2</v>
      </c>
      <c r="R57" s="91">
        <v>8.5585586949896347E-2</v>
      </c>
      <c r="S57" s="92">
        <v>1.8693613471920317E-2</v>
      </c>
      <c r="T57" s="164">
        <v>910</v>
      </c>
      <c r="U57" s="168">
        <v>0.27505162711533027</v>
      </c>
      <c r="V57" s="92">
        <v>2.9573197715314335E-2</v>
      </c>
      <c r="W57" s="168">
        <v>0.19422211046311044</v>
      </c>
      <c r="X57" s="92">
        <v>2.623880178148464E-2</v>
      </c>
      <c r="Y57" s="168">
        <v>0.46359547290925518</v>
      </c>
      <c r="Z57" s="92">
        <v>3.2990037945531209E-2</v>
      </c>
      <c r="AA57" s="91">
        <v>6.7130789512304154E-2</v>
      </c>
      <c r="AB57" s="92">
        <v>1.6769868289346842E-2</v>
      </c>
      <c r="AC57" s="164">
        <v>910</v>
      </c>
      <c r="AD57" s="168">
        <v>0.16064608778206613</v>
      </c>
      <c r="AE57" s="92">
        <v>2.4382500006565666E-2</v>
      </c>
      <c r="AF57" s="168">
        <v>0.19667907912451532</v>
      </c>
      <c r="AG57" s="92">
        <v>2.6362225132714374E-2</v>
      </c>
      <c r="AH57" s="168">
        <v>0.58292704172885157</v>
      </c>
      <c r="AI57" s="92">
        <v>3.2622981634746057E-2</v>
      </c>
      <c r="AJ57" s="91">
        <v>5.9747791364567905E-2</v>
      </c>
      <c r="AK57" s="92">
        <v>1.5914260605731902E-2</v>
      </c>
    </row>
    <row r="58" spans="1:37">
      <c r="A58" s="47" t="s">
        <v>584</v>
      </c>
      <c r="B58" s="166">
        <v>305</v>
      </c>
      <c r="C58" s="169">
        <v>0.3622213886646688</v>
      </c>
      <c r="D58" s="95">
        <v>5.4743336529111605E-2</v>
      </c>
      <c r="E58" s="169">
        <v>0.1911749695065158</v>
      </c>
      <c r="F58" s="95">
        <v>4.5093261135310619E-2</v>
      </c>
      <c r="G58" s="169">
        <v>0.39041017616566281</v>
      </c>
      <c r="H58" s="95">
        <v>5.554076547848371E-2</v>
      </c>
      <c r="I58" s="94">
        <v>5.6193465663152461E-2</v>
      </c>
      <c r="J58" s="95">
        <v>2.7425014463676685E-2</v>
      </c>
      <c r="K58" s="166">
        <v>307</v>
      </c>
      <c r="L58" s="169">
        <v>0.38448214422438037</v>
      </c>
      <c r="M58" s="95">
        <v>5.5210405047030446E-2</v>
      </c>
      <c r="N58" s="169">
        <v>0.1759688758039516</v>
      </c>
      <c r="O58" s="95">
        <v>4.3583431132048878E-2</v>
      </c>
      <c r="P58" s="169">
        <v>0.36921009207088218</v>
      </c>
      <c r="Q58" s="95">
        <v>5.4781788224131212E-2</v>
      </c>
      <c r="R58" s="94">
        <v>7.0338887900785713E-2</v>
      </c>
      <c r="S58" s="95">
        <v>3.0028832041447122E-2</v>
      </c>
      <c r="T58" s="166">
        <v>306</v>
      </c>
      <c r="U58" s="169">
        <v>0.25993428802093255</v>
      </c>
      <c r="V58" s="95">
        <v>5.0012401607079059E-2</v>
      </c>
      <c r="W58" s="169">
        <v>0.28426225777693603</v>
      </c>
      <c r="X58" s="95">
        <v>5.1387281136760617E-2</v>
      </c>
      <c r="Y58" s="169">
        <v>0.39383278483251238</v>
      </c>
      <c r="Z58" s="95">
        <v>5.5534647440277474E-2</v>
      </c>
      <c r="AA58" s="94">
        <v>6.197066936961889E-2</v>
      </c>
      <c r="AB58" s="95">
        <v>2.8522732640211483E-2</v>
      </c>
      <c r="AC58" s="166">
        <v>306</v>
      </c>
      <c r="AD58" s="169">
        <v>0.25825616219716546</v>
      </c>
      <c r="AE58" s="95">
        <v>4.9910670936470836E-2</v>
      </c>
      <c r="AF58" s="169">
        <v>0.19348546362480712</v>
      </c>
      <c r="AG58" s="95">
        <v>4.5217430673953785E-2</v>
      </c>
      <c r="AH58" s="169">
        <v>0.49545023912145675</v>
      </c>
      <c r="AI58" s="95">
        <v>5.6793892269457781E-2</v>
      </c>
      <c r="AJ58" s="94">
        <v>5.2808135056570601E-2</v>
      </c>
      <c r="AK58" s="95">
        <v>2.667533094207386E-2</v>
      </c>
    </row>
    <row r="59" spans="1:37">
      <c r="A59" s="55" t="s">
        <v>587</v>
      </c>
      <c r="B59" s="164">
        <v>13025</v>
      </c>
      <c r="C59" s="168">
        <v>0.28649700072831741</v>
      </c>
      <c r="D59" s="92">
        <v>7.9224976771352911E-3</v>
      </c>
      <c r="E59" s="168">
        <v>0.2068712582198754</v>
      </c>
      <c r="F59" s="92">
        <v>7.0984933208990348E-3</v>
      </c>
      <c r="G59" s="168">
        <v>0.43326583730769597</v>
      </c>
      <c r="H59" s="92">
        <v>8.6824799898781065E-3</v>
      </c>
      <c r="I59" s="91">
        <v>7.3365903744130878E-2</v>
      </c>
      <c r="J59" s="92">
        <v>4.5722751571077025E-3</v>
      </c>
      <c r="K59" s="164">
        <v>13037</v>
      </c>
      <c r="L59" s="168">
        <v>0.33982833144582431</v>
      </c>
      <c r="M59" s="92">
        <v>8.2956039794619407E-3</v>
      </c>
      <c r="N59" s="168">
        <v>0.20086929194192613</v>
      </c>
      <c r="O59" s="92">
        <v>7.0180177608025595E-3</v>
      </c>
      <c r="P59" s="168">
        <v>0.38011050250510137</v>
      </c>
      <c r="Q59" s="92">
        <v>8.5014840935904203E-3</v>
      </c>
      <c r="R59" s="91">
        <v>7.9191874107170074E-2</v>
      </c>
      <c r="S59" s="92">
        <v>4.7328487233813544E-3</v>
      </c>
      <c r="T59" s="164">
        <v>13020</v>
      </c>
      <c r="U59" s="168">
        <v>0.27065476912818265</v>
      </c>
      <c r="V59" s="92">
        <v>7.7869565314767448E-3</v>
      </c>
      <c r="W59" s="168">
        <v>0.1699735571946954</v>
      </c>
      <c r="X59" s="92">
        <v>6.58411458911351E-3</v>
      </c>
      <c r="Y59" s="168">
        <v>0.47889604794397966</v>
      </c>
      <c r="Z59" s="92">
        <v>8.7546915596986696E-3</v>
      </c>
      <c r="AA59" s="91">
        <v>8.047562573316093E-2</v>
      </c>
      <c r="AB59" s="92">
        <v>4.7707709359614521E-3</v>
      </c>
      <c r="AC59" s="164">
        <v>13010</v>
      </c>
      <c r="AD59" s="168">
        <v>0.1849405954680246</v>
      </c>
      <c r="AE59" s="92">
        <v>6.8080576090802499E-3</v>
      </c>
      <c r="AF59" s="168">
        <v>0.2047265523159518</v>
      </c>
      <c r="AG59" s="92">
        <v>7.0752433298542057E-3</v>
      </c>
      <c r="AH59" s="168">
        <v>0.55479851649699685</v>
      </c>
      <c r="AI59" s="92">
        <v>8.7130892782679957E-3</v>
      </c>
      <c r="AJ59" s="91">
        <v>5.5534335719044765E-2</v>
      </c>
      <c r="AK59" s="92">
        <v>4.0197641772140667E-3</v>
      </c>
    </row>
    <row r="61" spans="1:37" ht="18.75">
      <c r="A61" s="292" t="s">
        <v>230</v>
      </c>
      <c r="B61" s="292"/>
      <c r="C61" s="292"/>
      <c r="D61" s="292"/>
      <c r="E61" s="292"/>
      <c r="F61" s="292"/>
      <c r="G61" s="292"/>
      <c r="H61" s="292"/>
      <c r="I61" s="292"/>
      <c r="J61" s="292"/>
      <c r="K61" s="292"/>
      <c r="L61" s="292"/>
      <c r="M61" s="293"/>
    </row>
    <row r="62" spans="1:37" ht="62.25" customHeight="1">
      <c r="A62" s="398" t="s">
        <v>559</v>
      </c>
      <c r="B62" s="398"/>
      <c r="C62" s="398"/>
      <c r="D62" s="398"/>
      <c r="E62" s="398"/>
      <c r="F62" s="398"/>
      <c r="G62" s="398"/>
      <c r="H62" s="398"/>
      <c r="I62" s="398"/>
      <c r="J62" s="398"/>
      <c r="K62" s="398"/>
      <c r="L62" s="398"/>
      <c r="M62" s="293"/>
    </row>
    <row r="63" spans="1:37" ht="43.5" customHeight="1">
      <c r="A63" s="386" t="s">
        <v>231</v>
      </c>
      <c r="B63" s="387"/>
      <c r="C63" s="387"/>
      <c r="D63" s="387"/>
      <c r="E63" s="387"/>
      <c r="F63" s="387"/>
      <c r="G63" s="387"/>
      <c r="H63" s="387"/>
      <c r="I63" s="387"/>
      <c r="J63" s="387"/>
      <c r="K63" s="387"/>
      <c r="L63" s="387"/>
    </row>
    <row r="64" spans="1:37" ht="72">
      <c r="A64" s="35" t="s">
        <v>70</v>
      </c>
      <c r="B64" s="36" t="s">
        <v>71</v>
      </c>
      <c r="C64" s="37" t="s">
        <v>551</v>
      </c>
      <c r="D64" s="38" t="s">
        <v>72</v>
      </c>
      <c r="E64" s="36" t="s">
        <v>155</v>
      </c>
      <c r="F64" s="87" t="s">
        <v>84</v>
      </c>
      <c r="G64" s="36" t="s">
        <v>156</v>
      </c>
      <c r="H64" s="87" t="s">
        <v>85</v>
      </c>
      <c r="I64" s="36" t="s">
        <v>157</v>
      </c>
      <c r="J64" s="87" t="s">
        <v>86</v>
      </c>
      <c r="K64" s="36" t="s">
        <v>300</v>
      </c>
      <c r="L64" s="87" t="s">
        <v>299</v>
      </c>
    </row>
    <row r="65" spans="1:12" ht="84">
      <c r="A65" s="39"/>
      <c r="B65" s="40" t="s">
        <v>73</v>
      </c>
      <c r="C65" s="126" t="s">
        <v>304</v>
      </c>
      <c r="D65" s="42" t="s">
        <v>75</v>
      </c>
      <c r="E65" s="40" t="s">
        <v>158</v>
      </c>
      <c r="F65" s="89" t="s">
        <v>125</v>
      </c>
      <c r="G65" s="40" t="s">
        <v>159</v>
      </c>
      <c r="H65" s="89" t="s">
        <v>126</v>
      </c>
      <c r="I65" s="40" t="s">
        <v>160</v>
      </c>
      <c r="J65" s="89" t="s">
        <v>127</v>
      </c>
      <c r="K65" s="40" t="s">
        <v>300</v>
      </c>
      <c r="L65" s="89" t="s">
        <v>87</v>
      </c>
    </row>
    <row r="66" spans="1:12">
      <c r="A66" s="43" t="s">
        <v>348</v>
      </c>
      <c r="B66" s="164">
        <v>13859</v>
      </c>
      <c r="C66" s="165">
        <v>3.3104475129063768</v>
      </c>
      <c r="D66" s="84">
        <v>3.1669094122717165E-2</v>
      </c>
      <c r="E66" s="168">
        <v>0.54255580172524498</v>
      </c>
      <c r="F66" s="92">
        <v>8.4624003210506289E-3</v>
      </c>
      <c r="G66" s="168">
        <v>0.16628583039147191</v>
      </c>
      <c r="H66" s="92">
        <v>6.3261315830269163E-3</v>
      </c>
      <c r="I66" s="168">
        <v>0.26549245322642018</v>
      </c>
      <c r="J66" s="92">
        <v>7.5017214885631477E-3</v>
      </c>
      <c r="K66" s="91">
        <v>2.5665914656880798E-2</v>
      </c>
      <c r="L66" s="92">
        <v>2.6931346045782818E-3</v>
      </c>
    </row>
    <row r="67" spans="1:12">
      <c r="A67" s="47" t="s">
        <v>349</v>
      </c>
      <c r="B67" s="47">
        <v>10148</v>
      </c>
      <c r="C67" s="167">
        <v>3.4470646227759301</v>
      </c>
      <c r="D67" s="85">
        <v>3.72271457207521E-2</v>
      </c>
      <c r="E67" s="169">
        <v>0.5244856515499543</v>
      </c>
      <c r="F67" s="95">
        <v>9.9129569760614822E-3</v>
      </c>
      <c r="G67" s="169">
        <v>0.1647192407221065</v>
      </c>
      <c r="H67" s="95">
        <v>7.3651624716830916E-3</v>
      </c>
      <c r="I67" s="169">
        <v>0.29293758002893078</v>
      </c>
      <c r="J67" s="95">
        <v>9.0345395787262538E-3</v>
      </c>
      <c r="K67" s="94">
        <v>1.7857527699007364E-2</v>
      </c>
      <c r="L67" s="95">
        <v>2.6424569630790979E-3</v>
      </c>
    </row>
    <row r="68" spans="1:12">
      <c r="A68" s="43" t="s">
        <v>350</v>
      </c>
      <c r="B68" s="51">
        <v>3711</v>
      </c>
      <c r="C68" s="165">
        <v>3.1985662589926283</v>
      </c>
      <c r="D68" s="84">
        <v>5.8462623801175992E-2</v>
      </c>
      <c r="E68" s="168">
        <v>0.55714155715338731</v>
      </c>
      <c r="F68" s="92">
        <v>1.629941481269119E-2</v>
      </c>
      <c r="G68" s="168">
        <v>0.1675503408438978</v>
      </c>
      <c r="H68" s="92">
        <v>1.2265132901639974E-2</v>
      </c>
      <c r="I68" s="168">
        <v>0.24333946039829146</v>
      </c>
      <c r="J68" s="92">
        <v>1.4085573792214508E-2</v>
      </c>
      <c r="K68" s="91">
        <v>3.1968641604423968E-2</v>
      </c>
      <c r="L68" s="92">
        <v>5.8162171860015096E-3</v>
      </c>
    </row>
    <row r="69" spans="1:12">
      <c r="A69" s="47" t="s">
        <v>574</v>
      </c>
      <c r="B69" s="47">
        <v>4981</v>
      </c>
      <c r="C69" s="167">
        <v>3.1700632702459388</v>
      </c>
      <c r="D69" s="85">
        <v>5.0772466849676831E-2</v>
      </c>
      <c r="E69" s="169">
        <v>0.56725101747700513</v>
      </c>
      <c r="F69" s="95">
        <v>1.4034905785393646E-2</v>
      </c>
      <c r="G69" s="169">
        <v>0.16324677167227947</v>
      </c>
      <c r="H69" s="95">
        <v>1.0476287617433837E-2</v>
      </c>
      <c r="I69" s="169">
        <v>0.23932818888703941</v>
      </c>
      <c r="J69" s="95">
        <v>1.2089907590924156E-2</v>
      </c>
      <c r="K69" s="94">
        <v>3.0174021963676672E-2</v>
      </c>
      <c r="L69" s="95">
        <v>4.8749785304755718E-3</v>
      </c>
    </row>
    <row r="70" spans="1:12">
      <c r="A70" s="43" t="s">
        <v>575</v>
      </c>
      <c r="B70" s="51">
        <v>5122</v>
      </c>
      <c r="C70" s="165">
        <v>3.5560736794938301</v>
      </c>
      <c r="D70" s="84">
        <v>5.1918505678276924E-2</v>
      </c>
      <c r="E70" s="168">
        <v>0.49681187866012089</v>
      </c>
      <c r="F70" s="92">
        <v>1.3966959834631948E-2</v>
      </c>
      <c r="G70" s="168">
        <v>0.18083676797331524</v>
      </c>
      <c r="H70" s="92">
        <v>1.0757271123626462E-2</v>
      </c>
      <c r="I70" s="168">
        <v>0.30785160005427875</v>
      </c>
      <c r="J70" s="92">
        <v>1.2896435868408038E-2</v>
      </c>
      <c r="K70" s="91">
        <v>1.4499753312285419E-2</v>
      </c>
      <c r="L70" s="92">
        <v>3.3819462248071662E-3</v>
      </c>
    </row>
    <row r="71" spans="1:12">
      <c r="A71" s="47" t="s">
        <v>576</v>
      </c>
      <c r="B71" s="47">
        <v>3105</v>
      </c>
      <c r="C71" s="167">
        <v>3.647482008309221</v>
      </c>
      <c r="D71" s="85">
        <v>6.7621708067882688E-2</v>
      </c>
      <c r="E71" s="169">
        <v>0.48657247509045548</v>
      </c>
      <c r="F71" s="95">
        <v>1.7928063437645522E-2</v>
      </c>
      <c r="G71" s="169">
        <v>0.1604352386767941</v>
      </c>
      <c r="H71" s="95">
        <v>1.3178746397186717E-2</v>
      </c>
      <c r="I71" s="169">
        <v>0.33472229816351073</v>
      </c>
      <c r="J71" s="95">
        <v>1.6929024324573192E-2</v>
      </c>
      <c r="K71" s="94">
        <v>1.8269988069233342E-2</v>
      </c>
      <c r="L71" s="95">
        <v>4.8830586104775106E-3</v>
      </c>
    </row>
    <row r="72" spans="1:12">
      <c r="A72" s="43" t="s">
        <v>577</v>
      </c>
      <c r="B72" s="51">
        <v>414</v>
      </c>
      <c r="C72" s="165">
        <v>3.8362330461167504</v>
      </c>
      <c r="D72" s="84">
        <v>0.18462829521504912</v>
      </c>
      <c r="E72" s="168">
        <v>0.46073179300884254</v>
      </c>
      <c r="F72" s="92">
        <v>4.8763404833513088E-2</v>
      </c>
      <c r="G72" s="168">
        <v>0.14976371749457132</v>
      </c>
      <c r="H72" s="92">
        <v>3.5225993251396373E-2</v>
      </c>
      <c r="I72" s="168">
        <v>0.37953211727470804</v>
      </c>
      <c r="J72" s="92">
        <v>4.7498568266498252E-2</v>
      </c>
      <c r="K72" s="91">
        <v>9.9723722218775131E-3</v>
      </c>
      <c r="L72" s="92">
        <v>1.1757790197889792E-2</v>
      </c>
    </row>
    <row r="73" spans="1:12">
      <c r="A73" s="47" t="s">
        <v>578</v>
      </c>
      <c r="B73" s="47">
        <v>141</v>
      </c>
      <c r="C73" s="167">
        <v>3.8338834825751031</v>
      </c>
      <c r="D73" s="85">
        <v>0.32060868371276002</v>
      </c>
      <c r="E73" s="169">
        <v>0.44118529255493399</v>
      </c>
      <c r="F73" s="95">
        <v>8.2500415633189605E-2</v>
      </c>
      <c r="G73" s="169">
        <v>0.17776812459058608</v>
      </c>
      <c r="H73" s="95">
        <v>6.4715044284405387E-2</v>
      </c>
      <c r="I73" s="169">
        <v>0.38104658285447934</v>
      </c>
      <c r="J73" s="95">
        <v>8.0792625384003725E-2</v>
      </c>
      <c r="K73" s="94">
        <v>0</v>
      </c>
      <c r="L73" s="95">
        <v>1.9371399996077419E-2</v>
      </c>
    </row>
    <row r="74" spans="1:12">
      <c r="A74" s="43" t="s">
        <v>581</v>
      </c>
      <c r="B74" s="51">
        <v>9793</v>
      </c>
      <c r="C74" s="165">
        <v>3.2707268717007518</v>
      </c>
      <c r="D74" s="84">
        <v>3.7309340478649616E-2</v>
      </c>
      <c r="E74" s="168">
        <v>0.54998011243311418</v>
      </c>
      <c r="F74" s="92">
        <v>1.0052511464090967E-2</v>
      </c>
      <c r="G74" s="168">
        <v>0.16675771695242614</v>
      </c>
      <c r="H74" s="92">
        <v>7.5344872342518032E-3</v>
      </c>
      <c r="I74" s="168">
        <v>0.25602484472612497</v>
      </c>
      <c r="J74" s="92">
        <v>8.8198075141837935E-3</v>
      </c>
      <c r="K74" s="91">
        <v>2.7237325888358158E-2</v>
      </c>
      <c r="L74" s="92">
        <v>3.3003459609600716E-3</v>
      </c>
    </row>
    <row r="75" spans="1:12">
      <c r="A75" s="47" t="s">
        <v>580</v>
      </c>
      <c r="B75" s="47">
        <v>3990</v>
      </c>
      <c r="C75" s="167">
        <v>3.6587502604250401</v>
      </c>
      <c r="D75" s="85">
        <v>5.9560589666817473E-2</v>
      </c>
      <c r="E75" s="169">
        <v>0.48043701505194725</v>
      </c>
      <c r="F75" s="95">
        <v>1.5811168374751418E-2</v>
      </c>
      <c r="G75" s="169">
        <v>0.16105121693993432</v>
      </c>
      <c r="H75" s="95">
        <v>1.1642467330010248E-2</v>
      </c>
      <c r="I75" s="169">
        <v>0.34568520637594446</v>
      </c>
      <c r="J75" s="95">
        <v>1.5052391170893766E-2</v>
      </c>
      <c r="K75" s="94">
        <v>1.2826561632173106E-2</v>
      </c>
      <c r="L75" s="95">
        <v>3.6272478947309925E-3</v>
      </c>
    </row>
    <row r="76" spans="1:12">
      <c r="A76" s="43" t="s">
        <v>583</v>
      </c>
      <c r="B76" s="164">
        <v>909</v>
      </c>
      <c r="C76" s="165">
        <v>3.6706966674550263</v>
      </c>
      <c r="D76" s="84">
        <v>0.1256435926608073</v>
      </c>
      <c r="E76" s="168">
        <v>0.48907158875029455</v>
      </c>
      <c r="F76" s="92">
        <v>3.3087332680056356E-2</v>
      </c>
      <c r="G76" s="168">
        <v>0.17264418509618551</v>
      </c>
      <c r="H76" s="92">
        <v>2.5097845762384243E-2</v>
      </c>
      <c r="I76" s="168">
        <v>0.33153093509661452</v>
      </c>
      <c r="J76" s="92">
        <v>3.117742886282902E-2</v>
      </c>
      <c r="K76" s="91">
        <v>6.7532910569036708E-3</v>
      </c>
      <c r="L76" s="92">
        <v>6.2214763678280337E-3</v>
      </c>
    </row>
    <row r="77" spans="1:12">
      <c r="A77" s="47" t="s">
        <v>582</v>
      </c>
      <c r="B77" s="166">
        <v>3081</v>
      </c>
      <c r="C77" s="167">
        <v>3.6544503391717016</v>
      </c>
      <c r="D77" s="85">
        <v>6.7651344041092784E-2</v>
      </c>
      <c r="E77" s="169">
        <v>0.47735492262057733</v>
      </c>
      <c r="F77" s="95">
        <v>1.7985714821188686E-2</v>
      </c>
      <c r="G77" s="169">
        <v>0.15691313199680251</v>
      </c>
      <c r="H77" s="95">
        <v>1.3111982183455499E-2</v>
      </c>
      <c r="I77" s="169">
        <v>0.35073754293656983</v>
      </c>
      <c r="J77" s="95">
        <v>1.7185363940915067E-2</v>
      </c>
      <c r="K77" s="94">
        <v>1.4994402446049224E-2</v>
      </c>
      <c r="L77" s="95">
        <v>4.4654877175499662E-3</v>
      </c>
    </row>
    <row r="78" spans="1:12">
      <c r="A78" s="43" t="s">
        <v>568</v>
      </c>
      <c r="B78" s="81">
        <v>8237</v>
      </c>
      <c r="C78" s="165">
        <v>3.264248615665803</v>
      </c>
      <c r="D78" s="84">
        <v>4.0841979872427013E-2</v>
      </c>
      <c r="E78" s="168">
        <v>0.55895010035463155</v>
      </c>
      <c r="F78" s="92">
        <v>1.093889345608926E-2</v>
      </c>
      <c r="G78" s="168">
        <v>0.1635552687233443</v>
      </c>
      <c r="H78" s="92">
        <v>8.152020032255269E-3</v>
      </c>
      <c r="I78" s="168">
        <v>0.25224617120259746</v>
      </c>
      <c r="J78" s="92">
        <v>9.5697419025902765E-3</v>
      </c>
      <c r="K78" s="91">
        <v>2.5248459719416819E-2</v>
      </c>
      <c r="L78" s="92">
        <v>3.4715701586300832E-3</v>
      </c>
    </row>
    <row r="79" spans="1:12">
      <c r="A79" s="47" t="s">
        <v>569</v>
      </c>
      <c r="B79" s="166">
        <v>5487</v>
      </c>
      <c r="C79" s="167">
        <v>3.3582488951773928</v>
      </c>
      <c r="D79" s="85">
        <v>5.0626339770742906E-2</v>
      </c>
      <c r="E79" s="169">
        <v>0.52530441353731783</v>
      </c>
      <c r="F79" s="95">
        <v>1.3477775178165168E-2</v>
      </c>
      <c r="G79" s="169">
        <v>0.16961073007199293</v>
      </c>
      <c r="H79" s="95">
        <v>1.0134836954099346E-2</v>
      </c>
      <c r="I79" s="169">
        <v>0.27874639852130018</v>
      </c>
      <c r="J79" s="95">
        <v>1.2104027308055574E-2</v>
      </c>
      <c r="K79" s="94">
        <v>2.6338457869408735E-2</v>
      </c>
      <c r="L79" s="95">
        <v>4.3496342761660247E-3</v>
      </c>
    </row>
    <row r="80" spans="1:12">
      <c r="A80" s="55" t="s">
        <v>570</v>
      </c>
      <c r="B80" s="164">
        <v>1769</v>
      </c>
      <c r="C80" s="165">
        <v>3.2416956523794114</v>
      </c>
      <c r="D80" s="84">
        <v>8.7507115930209156E-2</v>
      </c>
      <c r="E80" s="168">
        <v>0.54368208293455222</v>
      </c>
      <c r="F80" s="92">
        <v>2.3658620953914015E-2</v>
      </c>
      <c r="G80" s="168">
        <v>0.15965825331509956</v>
      </c>
      <c r="H80" s="92">
        <v>1.7431814260990233E-2</v>
      </c>
      <c r="I80" s="168">
        <v>0.24554622319225455</v>
      </c>
      <c r="J80" s="92">
        <v>2.0459751876766893E-2</v>
      </c>
      <c r="K80" s="91">
        <v>5.1113440558094761E-2</v>
      </c>
      <c r="L80" s="92">
        <v>1.0557929340890176E-2</v>
      </c>
    </row>
    <row r="81" spans="1:12">
      <c r="A81" s="47" t="s">
        <v>571</v>
      </c>
      <c r="B81" s="166">
        <v>3773</v>
      </c>
      <c r="C81" s="167">
        <v>3.3818728928866113</v>
      </c>
      <c r="D81" s="85">
        <v>5.9786215569515001E-2</v>
      </c>
      <c r="E81" s="169">
        <v>0.52900486487188103</v>
      </c>
      <c r="F81" s="95">
        <v>1.6244116631971825E-2</v>
      </c>
      <c r="G81" s="169">
        <v>0.16960116572017839</v>
      </c>
      <c r="H81" s="95">
        <v>1.2222788692332906E-2</v>
      </c>
      <c r="I81" s="169">
        <v>0.28378060365392227</v>
      </c>
      <c r="J81" s="95">
        <v>1.4674949246821521E-2</v>
      </c>
      <c r="K81" s="94">
        <v>1.7613365754019481E-2</v>
      </c>
      <c r="L81" s="95">
        <v>4.341247991376038E-3</v>
      </c>
    </row>
    <row r="82" spans="1:12">
      <c r="A82" s="55" t="s">
        <v>572</v>
      </c>
      <c r="B82" s="164">
        <v>4151</v>
      </c>
      <c r="C82" s="165">
        <v>3.2884447498915632</v>
      </c>
      <c r="D82" s="84">
        <v>5.7252188258656321E-2</v>
      </c>
      <c r="E82" s="168">
        <v>0.55133330303489458</v>
      </c>
      <c r="F82" s="92">
        <v>1.5431848953964874E-2</v>
      </c>
      <c r="G82" s="168">
        <v>0.16626085400114171</v>
      </c>
      <c r="H82" s="92">
        <v>1.1560859014003881E-2</v>
      </c>
      <c r="I82" s="168">
        <v>0.26456200604287383</v>
      </c>
      <c r="J82" s="92">
        <v>1.368989986952358E-2</v>
      </c>
      <c r="K82" s="91">
        <v>1.7843836921101034E-2</v>
      </c>
      <c r="L82" s="92">
        <v>4.1596102069129228E-3</v>
      </c>
    </row>
    <row r="83" spans="1:12">
      <c r="A83" s="47" t="s">
        <v>573</v>
      </c>
      <c r="B83" s="166">
        <v>3965</v>
      </c>
      <c r="C83" s="167">
        <v>3.269927230900965</v>
      </c>
      <c r="D83" s="85">
        <v>6.0450606789786837E-2</v>
      </c>
      <c r="E83" s="169">
        <v>0.55856027664903785</v>
      </c>
      <c r="F83" s="95">
        <v>1.5763993937444126E-2</v>
      </c>
      <c r="G83" s="169">
        <v>0.16592888569674646</v>
      </c>
      <c r="H83" s="95">
        <v>1.181964609797527E-2</v>
      </c>
      <c r="I83" s="169">
        <v>0.25379358998934659</v>
      </c>
      <c r="J83" s="95">
        <v>1.3819719797589128E-2</v>
      </c>
      <c r="K83" s="94">
        <v>2.1717247664862757E-2</v>
      </c>
      <c r="L83" s="95">
        <v>4.6771783831474406E-3</v>
      </c>
    </row>
    <row r="84" spans="1:12">
      <c r="A84" s="55" t="s">
        <v>579</v>
      </c>
      <c r="B84" s="164">
        <v>9611</v>
      </c>
      <c r="C84" s="165">
        <v>3.2824542334654914</v>
      </c>
      <c r="D84" s="84">
        <v>3.7917835081733561E-2</v>
      </c>
      <c r="E84" s="168">
        <v>0.55114525867913566</v>
      </c>
      <c r="F84" s="92">
        <v>1.0144793418303771E-2</v>
      </c>
      <c r="G84" s="168">
        <v>0.16572959341259899</v>
      </c>
      <c r="H84" s="92">
        <v>7.586731845338166E-3</v>
      </c>
      <c r="I84" s="168">
        <v>0.25892179089221817</v>
      </c>
      <c r="J84" s="92">
        <v>8.935654739785635E-3</v>
      </c>
      <c r="K84" s="91">
        <v>2.420335701607312E-2</v>
      </c>
      <c r="L84" s="92">
        <v>3.1470048211654977E-3</v>
      </c>
    </row>
    <row r="85" spans="1:12">
      <c r="A85" s="47" t="s">
        <v>585</v>
      </c>
      <c r="B85" s="166">
        <v>1547</v>
      </c>
      <c r="C85" s="167">
        <v>3.2316395631079091</v>
      </c>
      <c r="D85" s="85">
        <v>9.3274304243906023E-2</v>
      </c>
      <c r="E85" s="169">
        <v>0.55835345400269576</v>
      </c>
      <c r="F85" s="95">
        <v>2.5219215053476161E-2</v>
      </c>
      <c r="G85" s="169">
        <v>0.1643077335753908</v>
      </c>
      <c r="H85" s="95">
        <v>1.8857858478422959E-2</v>
      </c>
      <c r="I85" s="169">
        <v>0.25786084242811214</v>
      </c>
      <c r="J85" s="95">
        <v>2.223319680506473E-2</v>
      </c>
      <c r="K85" s="94">
        <v>1.9477969993803624E-2</v>
      </c>
      <c r="L85" s="95">
        <v>7.233424782580552E-3</v>
      </c>
    </row>
    <row r="86" spans="1:12">
      <c r="A86" s="55" t="s">
        <v>586</v>
      </c>
      <c r="B86" s="164">
        <v>906</v>
      </c>
      <c r="C86" s="165">
        <v>3.6271976751060295</v>
      </c>
      <c r="D86" s="84">
        <v>0.12438025579866421</v>
      </c>
      <c r="E86" s="168">
        <v>0.45804511008880566</v>
      </c>
      <c r="F86" s="92">
        <v>3.3033797385022913E-2</v>
      </c>
      <c r="G86" s="168">
        <v>0.1729363544293058</v>
      </c>
      <c r="H86" s="92">
        <v>2.5156014818984496E-2</v>
      </c>
      <c r="I86" s="168">
        <v>0.33038281038835671</v>
      </c>
      <c r="J86" s="92">
        <v>3.1201745239398383E-2</v>
      </c>
      <c r="K86" s="91">
        <v>3.8635725093531609E-2</v>
      </c>
      <c r="L86" s="92">
        <v>1.3094779336606148E-2</v>
      </c>
    </row>
    <row r="87" spans="1:12">
      <c r="A87" s="47" t="s">
        <v>584</v>
      </c>
      <c r="B87" s="166">
        <v>306</v>
      </c>
      <c r="C87" s="167">
        <v>3.6703408625355127</v>
      </c>
      <c r="D87" s="85">
        <v>0.22523303568537631</v>
      </c>
      <c r="E87" s="169">
        <v>0.45741492202488515</v>
      </c>
      <c r="F87" s="95">
        <v>5.6595110801358435E-2</v>
      </c>
      <c r="G87" s="169">
        <v>0.12909004492353313</v>
      </c>
      <c r="H87" s="95">
        <v>3.8680361250757703E-2</v>
      </c>
      <c r="I87" s="169">
        <v>0.34451933931864248</v>
      </c>
      <c r="J87" s="95">
        <v>5.4054403963100114E-2</v>
      </c>
      <c r="K87" s="94">
        <v>6.8975693732939061E-2</v>
      </c>
      <c r="L87" s="95">
        <v>2.9834271035845784E-2</v>
      </c>
    </row>
    <row r="88" spans="1:12">
      <c r="A88" s="55" t="s">
        <v>587</v>
      </c>
      <c r="B88" s="164">
        <v>13006</v>
      </c>
      <c r="C88" s="165">
        <v>3.3173671026121738</v>
      </c>
      <c r="D88" s="84">
        <v>3.2617107585800137E-2</v>
      </c>
      <c r="E88" s="168">
        <v>0.54099637369652698</v>
      </c>
      <c r="F88" s="92">
        <v>8.7377071777197737E-3</v>
      </c>
      <c r="G88" s="168">
        <v>0.16713054310329448</v>
      </c>
      <c r="H88" s="92">
        <v>6.5435582483736971E-3</v>
      </c>
      <c r="I88" s="168">
        <v>0.26731880069063613</v>
      </c>
      <c r="J88" s="92">
        <v>7.7606933693583529E-3</v>
      </c>
      <c r="K88" s="91">
        <v>2.4554282509563416E-2</v>
      </c>
      <c r="L88" s="92">
        <v>2.7215285006645081E-3</v>
      </c>
    </row>
    <row r="90" spans="1:12" ht="18.75">
      <c r="A90" s="337" t="s">
        <v>43</v>
      </c>
      <c r="B90" s="337"/>
      <c r="C90" s="337"/>
      <c r="D90" s="337"/>
    </row>
    <row r="91" spans="1:12" ht="131.25" customHeight="1">
      <c r="A91" s="358" t="s">
        <v>387</v>
      </c>
      <c r="B91" s="358"/>
      <c r="C91" s="358"/>
      <c r="D91" s="358"/>
    </row>
    <row r="92" spans="1:12" ht="39" customHeight="1">
      <c r="A92" s="399" t="s">
        <v>388</v>
      </c>
      <c r="B92" s="382"/>
      <c r="C92" s="382"/>
      <c r="D92" s="382"/>
    </row>
    <row r="93" spans="1:12" ht="72">
      <c r="A93" s="35" t="s">
        <v>70</v>
      </c>
      <c r="B93" s="36" t="s">
        <v>71</v>
      </c>
      <c r="C93" s="37" t="s">
        <v>551</v>
      </c>
      <c r="D93" s="38" t="s">
        <v>72</v>
      </c>
    </row>
    <row r="94" spans="1:12" ht="72">
      <c r="A94" s="39"/>
      <c r="B94" s="40" t="s">
        <v>73</v>
      </c>
      <c r="C94" s="41" t="s">
        <v>389</v>
      </c>
      <c r="D94" s="42" t="s">
        <v>75</v>
      </c>
    </row>
    <row r="95" spans="1:12">
      <c r="A95" s="43" t="s">
        <v>348</v>
      </c>
      <c r="B95" s="154">
        <v>11256</v>
      </c>
      <c r="C95" s="82">
        <v>3.8226257740196408</v>
      </c>
      <c r="D95" s="83">
        <v>2.5223193844769246E-2</v>
      </c>
    </row>
    <row r="96" spans="1:12">
      <c r="A96" s="47" t="s">
        <v>349</v>
      </c>
      <c r="B96" s="47">
        <v>7943</v>
      </c>
      <c r="C96" s="156">
        <v>3.7928635880880677</v>
      </c>
      <c r="D96" s="157">
        <v>3.0618100296178771E-2</v>
      </c>
    </row>
    <row r="97" spans="1:4">
      <c r="A97" s="43" t="s">
        <v>350</v>
      </c>
      <c r="B97" s="51">
        <v>3313</v>
      </c>
      <c r="C97" s="82">
        <v>3.8457865537807923</v>
      </c>
      <c r="D97" s="83">
        <v>4.4179949484180525E-2</v>
      </c>
    </row>
    <row r="98" spans="1:4">
      <c r="A98" s="47" t="s">
        <v>574</v>
      </c>
      <c r="B98" s="47">
        <v>4401</v>
      </c>
      <c r="C98" s="156">
        <v>3.8601248623396192</v>
      </c>
      <c r="D98" s="157">
        <v>3.8648267249918072E-2</v>
      </c>
    </row>
    <row r="99" spans="1:4">
      <c r="A99" s="43" t="s">
        <v>575</v>
      </c>
      <c r="B99" s="51">
        <v>3986</v>
      </c>
      <c r="C99" s="82">
        <v>3.815516104964483</v>
      </c>
      <c r="D99" s="83">
        <v>4.2874201359558405E-2</v>
      </c>
    </row>
    <row r="100" spans="1:4">
      <c r="A100" s="47" t="s">
        <v>576</v>
      </c>
      <c r="B100" s="47">
        <v>2352</v>
      </c>
      <c r="C100" s="156">
        <v>3.6508062666506063</v>
      </c>
      <c r="D100" s="157">
        <v>5.7178957770331461E-2</v>
      </c>
    </row>
    <row r="101" spans="1:4">
      <c r="A101" s="43" t="s">
        <v>577</v>
      </c>
      <c r="B101" s="51">
        <v>337</v>
      </c>
      <c r="C101" s="82">
        <v>3.4121738858576345</v>
      </c>
      <c r="D101" s="83">
        <v>0.1499242296661876</v>
      </c>
    </row>
    <row r="102" spans="1:4">
      <c r="A102" s="47" t="s">
        <v>578</v>
      </c>
      <c r="B102" s="47">
        <v>106</v>
      </c>
      <c r="C102" s="156">
        <v>3.9102023909167292</v>
      </c>
      <c r="D102" s="157">
        <v>0.31302605056819505</v>
      </c>
    </row>
    <row r="103" spans="1:4">
      <c r="A103" s="43" t="s">
        <v>581</v>
      </c>
      <c r="B103" s="51">
        <v>8188</v>
      </c>
      <c r="C103" s="82">
        <v>3.8363707043392523</v>
      </c>
      <c r="D103" s="83">
        <v>2.9396116549318594E-2</v>
      </c>
    </row>
    <row r="104" spans="1:4">
      <c r="A104" s="47" t="s">
        <v>580</v>
      </c>
      <c r="B104" s="47">
        <v>3015</v>
      </c>
      <c r="C104" s="156">
        <v>3.6944715542501569</v>
      </c>
      <c r="D104" s="157">
        <v>4.9330277250672662E-2</v>
      </c>
    </row>
    <row r="105" spans="1:4">
      <c r="A105" s="43" t="s">
        <v>583</v>
      </c>
      <c r="B105" s="154">
        <v>680</v>
      </c>
      <c r="C105" s="82">
        <v>3.4967479906175503</v>
      </c>
      <c r="D105" s="83">
        <v>0.10171207039829569</v>
      </c>
    </row>
    <row r="106" spans="1:4">
      <c r="A106" s="47" t="s">
        <v>582</v>
      </c>
      <c r="B106" s="155">
        <v>2335</v>
      </c>
      <c r="C106" s="156">
        <v>3.7664155165809077</v>
      </c>
      <c r="D106" s="157">
        <v>5.6234366279838938E-2</v>
      </c>
    </row>
    <row r="107" spans="1:4">
      <c r="A107" s="43" t="s">
        <v>568</v>
      </c>
      <c r="B107" s="81">
        <v>7120</v>
      </c>
      <c r="C107" s="82">
        <v>3.8103798373767446</v>
      </c>
      <c r="D107" s="83">
        <v>3.2185228203145753E-2</v>
      </c>
    </row>
    <row r="108" spans="1:4">
      <c r="A108" s="47" t="s">
        <v>569</v>
      </c>
      <c r="B108" s="155">
        <v>4018</v>
      </c>
      <c r="C108" s="156">
        <v>3.8320456566302297</v>
      </c>
      <c r="D108" s="157">
        <v>4.1055836936348872E-2</v>
      </c>
    </row>
    <row r="109" spans="1:4">
      <c r="A109" s="55" t="s">
        <v>570</v>
      </c>
      <c r="B109" s="154">
        <v>1676</v>
      </c>
      <c r="C109" s="82">
        <v>3.7271680318778646</v>
      </c>
      <c r="D109" s="83">
        <v>6.2335159002459922E-2</v>
      </c>
    </row>
    <row r="110" spans="1:4">
      <c r="A110" s="47" t="s">
        <v>571</v>
      </c>
      <c r="B110" s="155">
        <v>3387</v>
      </c>
      <c r="C110" s="156">
        <v>3.7289982725765727</v>
      </c>
      <c r="D110" s="157">
        <v>4.4596524726538939E-2</v>
      </c>
    </row>
    <row r="111" spans="1:4">
      <c r="A111" s="55" t="s">
        <v>572</v>
      </c>
      <c r="B111" s="154">
        <v>3294</v>
      </c>
      <c r="C111" s="82">
        <v>3.8010218877108524</v>
      </c>
      <c r="D111" s="83">
        <v>4.7080882836243489E-2</v>
      </c>
    </row>
    <row r="112" spans="1:4">
      <c r="A112" s="47" t="s">
        <v>573</v>
      </c>
      <c r="B112" s="155">
        <v>2740</v>
      </c>
      <c r="C112" s="156">
        <v>4.1342518933453691</v>
      </c>
      <c r="D112" s="157">
        <v>5.2279520307108092E-2</v>
      </c>
    </row>
    <row r="113" spans="1:34">
      <c r="A113" s="55" t="s">
        <v>579</v>
      </c>
      <c r="B113" s="154">
        <v>8671</v>
      </c>
      <c r="C113" s="82">
        <v>3.7920332049830807</v>
      </c>
      <c r="D113" s="83">
        <v>2.8659379035699067E-2</v>
      </c>
    </row>
    <row r="114" spans="1:34">
      <c r="A114" s="47" t="s">
        <v>585</v>
      </c>
      <c r="B114" s="155">
        <v>1343</v>
      </c>
      <c r="C114" s="156">
        <v>3.9261851164003376</v>
      </c>
      <c r="D114" s="157">
        <v>7.5588501906629565E-2</v>
      </c>
    </row>
    <row r="115" spans="1:34">
      <c r="A115" s="55" t="s">
        <v>586</v>
      </c>
      <c r="B115" s="154">
        <v>806</v>
      </c>
      <c r="C115" s="82">
        <v>3.7795797449448503</v>
      </c>
      <c r="D115" s="83">
        <v>9.179205056514389E-2</v>
      </c>
    </row>
    <row r="116" spans="1:34">
      <c r="A116" s="47" t="s">
        <v>584</v>
      </c>
      <c r="B116" s="155">
        <v>280</v>
      </c>
      <c r="C116" s="156">
        <v>3.2854513623240997</v>
      </c>
      <c r="D116" s="157">
        <v>0.16571619062218682</v>
      </c>
    </row>
    <row r="117" spans="1:34">
      <c r="A117" s="55" t="s">
        <v>587</v>
      </c>
      <c r="B117" s="154">
        <v>10503</v>
      </c>
      <c r="C117" s="82">
        <v>3.8218694673355174</v>
      </c>
      <c r="D117" s="83">
        <v>2.6059870399148938E-2</v>
      </c>
    </row>
    <row r="119" spans="1:34" ht="18.75">
      <c r="A119" s="337" t="s">
        <v>502</v>
      </c>
      <c r="B119" s="337"/>
      <c r="C119" s="337"/>
      <c r="D119" s="337"/>
      <c r="E119" s="337"/>
      <c r="F119" s="337"/>
      <c r="G119" s="337"/>
      <c r="H119" s="337"/>
      <c r="I119" s="337"/>
      <c r="J119" s="337"/>
      <c r="K119" s="337"/>
      <c r="L119" s="337"/>
      <c r="M119" s="337"/>
      <c r="N119" s="337"/>
      <c r="O119" s="337"/>
      <c r="P119" s="337"/>
      <c r="Q119" s="337"/>
      <c r="R119" s="337"/>
      <c r="S119" s="337"/>
      <c r="T119" s="337"/>
      <c r="U119" s="337"/>
      <c r="V119" s="337"/>
      <c r="W119" s="337"/>
      <c r="X119" s="337"/>
      <c r="Y119" s="337"/>
      <c r="Z119" s="337"/>
      <c r="AA119" s="337"/>
      <c r="AB119" s="337"/>
      <c r="AC119" s="337"/>
      <c r="AD119" s="337"/>
      <c r="AE119" s="337"/>
      <c r="AF119" s="337"/>
      <c r="AG119" s="337"/>
      <c r="AH119" s="337"/>
    </row>
    <row r="120" spans="1:34" ht="75.75" customHeight="1">
      <c r="A120" s="400" t="s">
        <v>557</v>
      </c>
      <c r="B120" s="400"/>
      <c r="C120" s="400"/>
      <c r="D120" s="400"/>
      <c r="E120" s="400"/>
      <c r="F120" s="400"/>
      <c r="G120" s="400"/>
      <c r="H120" s="400"/>
      <c r="I120" s="400"/>
      <c r="J120" s="400"/>
      <c r="K120" s="400"/>
      <c r="L120" s="400"/>
      <c r="M120" s="400"/>
      <c r="N120" s="400"/>
      <c r="O120" s="400"/>
      <c r="P120" s="400"/>
      <c r="Q120" s="400"/>
      <c r="R120" s="400"/>
      <c r="S120" s="400"/>
      <c r="T120" s="400"/>
      <c r="U120" s="400"/>
      <c r="V120" s="400"/>
      <c r="W120" s="400"/>
      <c r="X120" s="400"/>
      <c r="Y120" s="400"/>
      <c r="Z120" s="400"/>
      <c r="AA120" s="400"/>
      <c r="AB120" s="400"/>
      <c r="AC120" s="400"/>
      <c r="AD120" s="400"/>
      <c r="AE120" s="400"/>
      <c r="AF120" s="400"/>
      <c r="AG120" s="400"/>
      <c r="AH120" s="400"/>
    </row>
    <row r="121" spans="1:34" ht="42" customHeight="1">
      <c r="A121" s="313"/>
      <c r="B121" s="386" t="s">
        <v>390</v>
      </c>
      <c r="C121" s="387"/>
      <c r="D121" s="387"/>
      <c r="E121" s="387"/>
      <c r="F121" s="387"/>
      <c r="G121" s="387"/>
      <c r="H121" s="387"/>
      <c r="I121" s="387"/>
      <c r="J121" s="387"/>
      <c r="K121" s="387"/>
      <c r="L121" s="387"/>
      <c r="M121" s="386" t="s">
        <v>391</v>
      </c>
      <c r="N121" s="387"/>
      <c r="O121" s="387"/>
      <c r="P121" s="387"/>
      <c r="Q121" s="387"/>
      <c r="R121" s="387"/>
      <c r="S121" s="387"/>
      <c r="T121" s="387"/>
      <c r="U121" s="387"/>
      <c r="V121" s="387"/>
      <c r="W121" s="387"/>
      <c r="X121" s="386" t="s">
        <v>268</v>
      </c>
      <c r="Y121" s="387"/>
      <c r="Z121" s="387"/>
      <c r="AA121" s="387"/>
      <c r="AB121" s="387"/>
      <c r="AC121" s="387"/>
      <c r="AD121" s="387"/>
      <c r="AE121" s="387"/>
      <c r="AF121" s="387"/>
      <c r="AG121" s="387"/>
      <c r="AH121" s="387"/>
    </row>
    <row r="122" spans="1:34" ht="72">
      <c r="A122" s="35" t="s">
        <v>70</v>
      </c>
      <c r="B122" s="36" t="s">
        <v>71</v>
      </c>
      <c r="C122" s="37" t="s">
        <v>551</v>
      </c>
      <c r="D122" s="38" t="s">
        <v>72</v>
      </c>
      <c r="E122" s="36" t="s">
        <v>157</v>
      </c>
      <c r="F122" s="38" t="s">
        <v>86</v>
      </c>
      <c r="G122" s="36" t="s">
        <v>156</v>
      </c>
      <c r="H122" s="38" t="s">
        <v>85</v>
      </c>
      <c r="I122" s="36" t="s">
        <v>155</v>
      </c>
      <c r="J122" s="38" t="s">
        <v>84</v>
      </c>
      <c r="K122" s="36" t="s">
        <v>300</v>
      </c>
      <c r="L122" s="87" t="s">
        <v>314</v>
      </c>
      <c r="M122" s="63" t="s">
        <v>71</v>
      </c>
      <c r="N122" s="64" t="s">
        <v>551</v>
      </c>
      <c r="O122" s="65" t="s">
        <v>72</v>
      </c>
      <c r="P122" s="63" t="s">
        <v>157</v>
      </c>
      <c r="Q122" s="65" t="s">
        <v>86</v>
      </c>
      <c r="R122" s="63" t="s">
        <v>156</v>
      </c>
      <c r="S122" s="65" t="s">
        <v>85</v>
      </c>
      <c r="T122" s="63" t="s">
        <v>155</v>
      </c>
      <c r="U122" s="65" t="s">
        <v>84</v>
      </c>
      <c r="V122" s="63" t="s">
        <v>300</v>
      </c>
      <c r="W122" s="86" t="s">
        <v>314</v>
      </c>
      <c r="X122" s="36" t="s">
        <v>71</v>
      </c>
      <c r="Y122" s="37" t="s">
        <v>551</v>
      </c>
      <c r="Z122" s="38" t="s">
        <v>72</v>
      </c>
      <c r="AA122" s="36" t="s">
        <v>344</v>
      </c>
      <c r="AB122" s="38" t="s">
        <v>345</v>
      </c>
      <c r="AC122" s="36" t="s">
        <v>341</v>
      </c>
      <c r="AD122" s="38" t="s">
        <v>343</v>
      </c>
      <c r="AE122" s="36" t="s">
        <v>346</v>
      </c>
      <c r="AF122" s="38" t="s">
        <v>347</v>
      </c>
      <c r="AG122" s="36" t="s">
        <v>300</v>
      </c>
      <c r="AH122" s="87" t="s">
        <v>314</v>
      </c>
    </row>
    <row r="123" spans="1:34" ht="84">
      <c r="A123" s="39"/>
      <c r="B123" s="40" t="s">
        <v>73</v>
      </c>
      <c r="C123" s="126" t="s">
        <v>536</v>
      </c>
      <c r="D123" s="42" t="s">
        <v>75</v>
      </c>
      <c r="E123" s="40" t="s">
        <v>160</v>
      </c>
      <c r="F123" s="42" t="s">
        <v>127</v>
      </c>
      <c r="G123" s="40" t="s">
        <v>159</v>
      </c>
      <c r="H123" s="42" t="s">
        <v>126</v>
      </c>
      <c r="I123" s="40" t="s">
        <v>158</v>
      </c>
      <c r="J123" s="42" t="s">
        <v>125</v>
      </c>
      <c r="K123" s="40" t="s">
        <v>300</v>
      </c>
      <c r="L123" s="89" t="s">
        <v>87</v>
      </c>
      <c r="M123" s="66" t="s">
        <v>73</v>
      </c>
      <c r="N123" s="260" t="s">
        <v>536</v>
      </c>
      <c r="O123" s="68" t="s">
        <v>75</v>
      </c>
      <c r="P123" s="66" t="s">
        <v>160</v>
      </c>
      <c r="Q123" s="68" t="s">
        <v>127</v>
      </c>
      <c r="R123" s="66" t="s">
        <v>159</v>
      </c>
      <c r="S123" s="68" t="s">
        <v>126</v>
      </c>
      <c r="T123" s="66" t="s">
        <v>158</v>
      </c>
      <c r="U123" s="68" t="s">
        <v>125</v>
      </c>
      <c r="V123" s="66" t="s">
        <v>300</v>
      </c>
      <c r="W123" s="88" t="s">
        <v>87</v>
      </c>
      <c r="X123" s="40" t="s">
        <v>73</v>
      </c>
      <c r="Y123" s="126" t="s">
        <v>537</v>
      </c>
      <c r="Z123" s="42" t="s">
        <v>75</v>
      </c>
      <c r="AA123" s="40" t="s">
        <v>340</v>
      </c>
      <c r="AB123" s="42" t="s">
        <v>87</v>
      </c>
      <c r="AC123" s="40" t="s">
        <v>342</v>
      </c>
      <c r="AD123" s="42" t="s">
        <v>87</v>
      </c>
      <c r="AE123" s="40" t="s">
        <v>158</v>
      </c>
      <c r="AF123" s="42" t="s">
        <v>87</v>
      </c>
      <c r="AG123" s="40" t="s">
        <v>300</v>
      </c>
      <c r="AH123" s="89" t="s">
        <v>87</v>
      </c>
    </row>
    <row r="124" spans="1:34">
      <c r="A124" s="43" t="s">
        <v>348</v>
      </c>
      <c r="B124" s="170">
        <v>12544</v>
      </c>
      <c r="C124" s="165">
        <v>3.2020242938552061</v>
      </c>
      <c r="D124" s="84">
        <v>3.153995798480589E-2</v>
      </c>
      <c r="E124" s="173">
        <v>0.54132231395590125</v>
      </c>
      <c r="F124" s="92">
        <v>8.8966286615720213E-3</v>
      </c>
      <c r="G124" s="172">
        <v>0.18931842611000591</v>
      </c>
      <c r="H124" s="92">
        <v>6.99602529067041E-3</v>
      </c>
      <c r="I124" s="172">
        <v>0.18067742109804744</v>
      </c>
      <c r="J124" s="92">
        <v>6.8709607644124732E-3</v>
      </c>
      <c r="K124" s="91">
        <v>8.8681838836064675E-2</v>
      </c>
      <c r="L124" s="92">
        <v>5.0790755597446618E-3</v>
      </c>
      <c r="M124" s="170">
        <v>13868</v>
      </c>
      <c r="N124" s="165">
        <v>4.2251086056961293</v>
      </c>
      <c r="O124" s="84">
        <v>3.4600329527097004E-2</v>
      </c>
      <c r="P124" s="173">
        <v>0.3086532060730165</v>
      </c>
      <c r="Q124" s="92">
        <v>7.8445007978317771E-3</v>
      </c>
      <c r="R124" s="172">
        <v>0.17006063879593769</v>
      </c>
      <c r="S124" s="92">
        <v>6.3809022605139723E-3</v>
      </c>
      <c r="T124" s="172">
        <v>0.38657136831239003</v>
      </c>
      <c r="U124" s="92">
        <v>8.2692117420913973E-3</v>
      </c>
      <c r="V124" s="91">
        <v>0.13471478681867408</v>
      </c>
      <c r="W124" s="92">
        <v>5.7995061308474616E-3</v>
      </c>
      <c r="X124" s="170">
        <v>12646</v>
      </c>
      <c r="Y124" s="165">
        <v>4.0793748706653501</v>
      </c>
      <c r="Z124" s="84">
        <v>3.006042364766669E-2</v>
      </c>
      <c r="AA124" s="173">
        <v>0.32015440915641791</v>
      </c>
      <c r="AB124" s="92">
        <v>8.2964064833803784E-3</v>
      </c>
      <c r="AC124" s="172">
        <v>0.21623776700014877</v>
      </c>
      <c r="AD124" s="92">
        <v>7.3216320227927588E-3</v>
      </c>
      <c r="AE124" s="172">
        <v>0.34397079789181911</v>
      </c>
      <c r="AF124" s="92">
        <v>8.4473778100156386E-3</v>
      </c>
      <c r="AG124" s="91">
        <v>0.11963702595163563</v>
      </c>
      <c r="AH124" s="92">
        <v>5.7734704206014557E-3</v>
      </c>
    </row>
    <row r="125" spans="1:34">
      <c r="A125" s="47" t="s">
        <v>349</v>
      </c>
      <c r="B125" s="171">
        <v>8843</v>
      </c>
      <c r="C125" s="167">
        <v>3.2124908083789454</v>
      </c>
      <c r="D125" s="85">
        <v>3.8363003004730611E-2</v>
      </c>
      <c r="E125" s="175">
        <v>0.53095192952762793</v>
      </c>
      <c r="F125" s="95">
        <v>1.0611310330756832E-2</v>
      </c>
      <c r="G125" s="174">
        <v>0.1800685870428696</v>
      </c>
      <c r="H125" s="95">
        <v>8.1728923267226986E-3</v>
      </c>
      <c r="I125" s="174">
        <v>0.19505282949331718</v>
      </c>
      <c r="J125" s="95">
        <v>8.4276800677694375E-3</v>
      </c>
      <c r="K125" s="94">
        <v>9.392665393618771E-2</v>
      </c>
      <c r="L125" s="95">
        <v>6.2085205488478408E-3</v>
      </c>
      <c r="M125" s="171">
        <v>10167</v>
      </c>
      <c r="N125" s="167">
        <v>4.2642339328417718</v>
      </c>
      <c r="O125" s="85">
        <v>4.1164911193939904E-2</v>
      </c>
      <c r="P125" s="175">
        <v>0.3051613242877792</v>
      </c>
      <c r="Q125" s="95">
        <v>9.132411585747565E-3</v>
      </c>
      <c r="R125" s="174">
        <v>0.1551825020099766</v>
      </c>
      <c r="S125" s="95">
        <v>7.1829990453528506E-3</v>
      </c>
      <c r="T125" s="174">
        <v>0.39409960450788062</v>
      </c>
      <c r="U125" s="95">
        <v>9.6908039136822926E-3</v>
      </c>
      <c r="V125" s="94">
        <v>0.14555656919436291</v>
      </c>
      <c r="W125" s="95">
        <v>6.9964568000390956E-3</v>
      </c>
      <c r="X125" s="171">
        <v>8860</v>
      </c>
      <c r="Y125" s="167">
        <v>3.9392030712344388</v>
      </c>
      <c r="Z125" s="85">
        <v>3.5301255594685318E-2</v>
      </c>
      <c r="AA125" s="175">
        <v>0.33611635361931547</v>
      </c>
      <c r="AB125" s="95">
        <v>1.0035280384670728E-2</v>
      </c>
      <c r="AC125" s="174">
        <v>0.22551111145911626</v>
      </c>
      <c r="AD125" s="95">
        <v>8.8795549367867554E-3</v>
      </c>
      <c r="AE125" s="174">
        <v>0.30451770882129348</v>
      </c>
      <c r="AF125" s="95">
        <v>9.7768688052502807E-3</v>
      </c>
      <c r="AG125" s="94">
        <v>0.1338548261002768</v>
      </c>
      <c r="AH125" s="95">
        <v>7.2369227002307725E-3</v>
      </c>
    </row>
    <row r="126" spans="1:34">
      <c r="A126" s="43" t="s">
        <v>350</v>
      </c>
      <c r="B126" s="170">
        <v>3701</v>
      </c>
      <c r="C126" s="165">
        <v>3.1938173255393223</v>
      </c>
      <c r="D126" s="84">
        <v>5.4962690047433468E-2</v>
      </c>
      <c r="E126" s="173">
        <v>0.54953826598148137</v>
      </c>
      <c r="F126" s="92">
        <v>1.634814408660501E-2</v>
      </c>
      <c r="G126" s="172">
        <v>0.19664662445651993</v>
      </c>
      <c r="H126" s="92">
        <v>1.3067883512336344E-2</v>
      </c>
      <c r="I126" s="172">
        <v>0.16928848305618316</v>
      </c>
      <c r="J126" s="92">
        <v>1.2332151755394649E-2</v>
      </c>
      <c r="K126" s="91">
        <v>8.4526626505818131E-2</v>
      </c>
      <c r="L126" s="92">
        <v>9.1621706207656636E-3</v>
      </c>
      <c r="M126" s="170">
        <v>3701</v>
      </c>
      <c r="N126" s="165">
        <v>4.1940876797281677</v>
      </c>
      <c r="O126" s="84">
        <v>6.3343293074124188E-2</v>
      </c>
      <c r="P126" s="173">
        <v>0.31148540377649131</v>
      </c>
      <c r="Q126" s="92">
        <v>1.5219099452797338E-2</v>
      </c>
      <c r="R126" s="172">
        <v>0.18212800746102167</v>
      </c>
      <c r="S126" s="92">
        <v>1.2690670667667259E-2</v>
      </c>
      <c r="T126" s="172">
        <v>0.3804653617017546</v>
      </c>
      <c r="U126" s="92">
        <v>1.5953451384760974E-2</v>
      </c>
      <c r="V126" s="91">
        <v>0.12592122706073255</v>
      </c>
      <c r="W126" s="92">
        <v>1.0915801530190013E-2</v>
      </c>
      <c r="X126" s="170">
        <v>3786</v>
      </c>
      <c r="Y126" s="165">
        <v>4.1849847042447967</v>
      </c>
      <c r="Z126" s="84">
        <v>5.6530235627231418E-2</v>
      </c>
      <c r="AA126" s="173">
        <v>0.30777769801184185</v>
      </c>
      <c r="AB126" s="92">
        <v>1.4997925589034594E-2</v>
      </c>
      <c r="AC126" s="172">
        <v>0.20904732062442041</v>
      </c>
      <c r="AD126" s="92">
        <v>1.3217288275458684E-2</v>
      </c>
      <c r="AE126" s="172">
        <v>0.37456227678848397</v>
      </c>
      <c r="AF126" s="92">
        <v>1.5725165049146072E-2</v>
      </c>
      <c r="AG126" s="91">
        <v>0.1086127045752539</v>
      </c>
      <c r="AH126" s="92">
        <v>1.0125292030321332E-2</v>
      </c>
    </row>
    <row r="127" spans="1:34">
      <c r="A127" s="47" t="s">
        <v>574</v>
      </c>
      <c r="B127" s="171">
        <v>4956</v>
      </c>
      <c r="C127" s="167">
        <v>3.2107036709620114</v>
      </c>
      <c r="D127" s="85">
        <v>4.8089480204623718E-2</v>
      </c>
      <c r="E127" s="175">
        <v>0.5363757060797486</v>
      </c>
      <c r="F127" s="95">
        <v>1.4161480619216653E-2</v>
      </c>
      <c r="G127" s="174">
        <v>0.19639419017985188</v>
      </c>
      <c r="H127" s="95">
        <v>1.128702238119321E-2</v>
      </c>
      <c r="I127" s="174">
        <v>0.17417975826979581</v>
      </c>
      <c r="J127" s="95">
        <v>1.077677928413066E-2</v>
      </c>
      <c r="K127" s="94">
        <v>9.3050345470605422E-2</v>
      </c>
      <c r="L127" s="95">
        <v>8.2627702085867321E-3</v>
      </c>
      <c r="M127" s="171">
        <v>4974</v>
      </c>
      <c r="N127" s="167">
        <v>4.245119659658994</v>
      </c>
      <c r="O127" s="85">
        <v>5.5670084883774305E-2</v>
      </c>
      <c r="P127" s="175">
        <v>0.29822824390493236</v>
      </c>
      <c r="Q127" s="95">
        <v>1.2970082054859845E-2</v>
      </c>
      <c r="R127" s="174">
        <v>0.18059396360229185</v>
      </c>
      <c r="S127" s="95">
        <v>1.0910486136782565E-2</v>
      </c>
      <c r="T127" s="174">
        <v>0.38456547279778008</v>
      </c>
      <c r="U127" s="95">
        <v>1.3791079495461078E-2</v>
      </c>
      <c r="V127" s="94">
        <v>0.1366123196949979</v>
      </c>
      <c r="W127" s="95">
        <v>9.7440743706335917E-3</v>
      </c>
      <c r="X127" s="171">
        <v>5019</v>
      </c>
      <c r="Y127" s="167">
        <v>4.1614846230373894</v>
      </c>
      <c r="Z127" s="85">
        <v>4.8637646459466555E-2</v>
      </c>
      <c r="AA127" s="175">
        <v>0.30649266009488774</v>
      </c>
      <c r="AB127" s="95">
        <v>1.3012024438435603E-2</v>
      </c>
      <c r="AC127" s="174">
        <v>0.21234867154326545</v>
      </c>
      <c r="AD127" s="95">
        <v>1.1545457382072173E-2</v>
      </c>
      <c r="AE127" s="174">
        <v>0.3663845690409947</v>
      </c>
      <c r="AF127" s="95">
        <v>1.3597418084261481E-2</v>
      </c>
      <c r="AG127" s="94">
        <v>0.11477409932085529</v>
      </c>
      <c r="AH127" s="95">
        <v>9.0053742228120466E-3</v>
      </c>
    </row>
    <row r="128" spans="1:34">
      <c r="A128" s="43" t="s">
        <v>575</v>
      </c>
      <c r="B128" s="170">
        <v>4507</v>
      </c>
      <c r="C128" s="165">
        <v>3.2243542438587656</v>
      </c>
      <c r="D128" s="84">
        <v>5.3759872950099638E-2</v>
      </c>
      <c r="E128" s="173">
        <v>0.53197061479344976</v>
      </c>
      <c r="F128" s="92">
        <v>1.485851970303987E-2</v>
      </c>
      <c r="G128" s="172">
        <v>0.18224096644472404</v>
      </c>
      <c r="H128" s="92">
        <v>1.1502438057059078E-2</v>
      </c>
      <c r="I128" s="172">
        <v>0.18955141859706309</v>
      </c>
      <c r="J128" s="92">
        <v>1.167780433669291E-2</v>
      </c>
      <c r="K128" s="91">
        <v>9.6237000164760805E-2</v>
      </c>
      <c r="L128" s="92">
        <v>8.796546474610905E-3</v>
      </c>
      <c r="M128" s="170">
        <v>5130</v>
      </c>
      <c r="N128" s="165">
        <v>4.2534060741581756</v>
      </c>
      <c r="O128" s="84">
        <v>5.8559214244582526E-2</v>
      </c>
      <c r="P128" s="173">
        <v>0.31718090903803042</v>
      </c>
      <c r="Q128" s="92">
        <v>1.2991539017583376E-2</v>
      </c>
      <c r="R128" s="172">
        <v>0.14163461998715277</v>
      </c>
      <c r="S128" s="92">
        <v>9.7404691354882143E-3</v>
      </c>
      <c r="T128" s="172">
        <v>0.39435491715205584</v>
      </c>
      <c r="U128" s="92">
        <v>1.3641766025877656E-2</v>
      </c>
      <c r="V128" s="91">
        <v>0.14682955382276155</v>
      </c>
      <c r="W128" s="92">
        <v>9.8869700315693896E-3</v>
      </c>
      <c r="X128" s="170">
        <v>4517</v>
      </c>
      <c r="Y128" s="165">
        <v>3.9922337402619736</v>
      </c>
      <c r="Z128" s="84">
        <v>4.9266012188600966E-2</v>
      </c>
      <c r="AA128" s="173">
        <v>0.32190655974642801</v>
      </c>
      <c r="AB128" s="92">
        <v>1.3898829507451284E-2</v>
      </c>
      <c r="AC128" s="172">
        <v>0.22857056054761987</v>
      </c>
      <c r="AD128" s="92">
        <v>1.2494860495793675E-2</v>
      </c>
      <c r="AE128" s="172">
        <v>0.30152183389228804</v>
      </c>
      <c r="AF128" s="92">
        <v>1.3652757348267942E-2</v>
      </c>
      <c r="AG128" s="91">
        <v>0.14800104581366294</v>
      </c>
      <c r="AH128" s="92">
        <v>1.0571624600077345E-2</v>
      </c>
    </row>
    <row r="129" spans="1:34">
      <c r="A129" s="47" t="s">
        <v>576</v>
      </c>
      <c r="B129" s="171">
        <v>2546</v>
      </c>
      <c r="C129" s="167">
        <v>3.1645272253282384</v>
      </c>
      <c r="D129" s="85">
        <v>7.1983351080128183E-2</v>
      </c>
      <c r="E129" s="175">
        <v>0.57023920716971221</v>
      </c>
      <c r="F129" s="95">
        <v>1.9607198335177333E-2</v>
      </c>
      <c r="G129" s="174">
        <v>0.16418348066988045</v>
      </c>
      <c r="H129" s="95">
        <v>1.4690575058988666E-2</v>
      </c>
      <c r="I129" s="174">
        <v>0.20692834878663849</v>
      </c>
      <c r="J129" s="95">
        <v>1.6057653863764516E-2</v>
      </c>
      <c r="K129" s="94">
        <v>5.8648963373765552E-2</v>
      </c>
      <c r="L129" s="95">
        <v>9.3573828555435588E-3</v>
      </c>
      <c r="M129" s="171">
        <v>3114</v>
      </c>
      <c r="N129" s="167">
        <v>4.1061354908504279</v>
      </c>
      <c r="O129" s="85">
        <v>7.3429391216324622E-2</v>
      </c>
      <c r="P129" s="175">
        <v>0.34557803678274696</v>
      </c>
      <c r="Q129" s="95">
        <v>1.7035411980046808E-2</v>
      </c>
      <c r="R129" s="174">
        <v>0.1495944032294039</v>
      </c>
      <c r="S129" s="95">
        <v>1.2790849670062747E-2</v>
      </c>
      <c r="T129" s="174">
        <v>0.38613909176779493</v>
      </c>
      <c r="U129" s="95">
        <v>1.7439308682702985E-2</v>
      </c>
      <c r="V129" s="94">
        <v>0.11868846822004743</v>
      </c>
      <c r="W129" s="95">
        <v>1.1604688851551581E-2</v>
      </c>
      <c r="X129" s="171">
        <v>2552</v>
      </c>
      <c r="Y129" s="167">
        <v>3.725057131696166</v>
      </c>
      <c r="Z129" s="85">
        <v>6.4794203790199595E-2</v>
      </c>
      <c r="AA129" s="175">
        <v>0.39029774929988403</v>
      </c>
      <c r="AB129" s="95">
        <v>1.9299267934212057E-2</v>
      </c>
      <c r="AC129" s="174">
        <v>0.22591210025308592</v>
      </c>
      <c r="AD129" s="95">
        <v>1.6554116200555403E-2</v>
      </c>
      <c r="AE129" s="174">
        <v>0.27098331302696449</v>
      </c>
      <c r="AF129" s="95">
        <v>1.7590160641700325E-2</v>
      </c>
      <c r="AG129" s="94">
        <v>0.11280683742006253</v>
      </c>
      <c r="AH129" s="95">
        <v>1.2544151529055301E-2</v>
      </c>
    </row>
    <row r="130" spans="1:34">
      <c r="A130" s="43" t="s">
        <v>577</v>
      </c>
      <c r="B130" s="170">
        <v>350</v>
      </c>
      <c r="C130" s="165">
        <v>2.9014859494863807</v>
      </c>
      <c r="D130" s="84">
        <v>0.19875784769602553</v>
      </c>
      <c r="E130" s="173">
        <v>0.65589639204550165</v>
      </c>
      <c r="F130" s="92">
        <v>5.0560971498520138E-2</v>
      </c>
      <c r="G130" s="172">
        <v>9.6800481893289964E-2</v>
      </c>
      <c r="H130" s="92">
        <v>3.2080986339010832E-2</v>
      </c>
      <c r="I130" s="172">
        <v>0.20255474356014019</v>
      </c>
      <c r="J130" s="92">
        <v>4.298395818986242E-2</v>
      </c>
      <c r="K130" s="91">
        <v>4.4748382501067718E-2</v>
      </c>
      <c r="L130" s="92">
        <v>2.3143670695592724E-2</v>
      </c>
      <c r="M130" s="170">
        <v>416</v>
      </c>
      <c r="N130" s="165">
        <v>3.8609301524320303</v>
      </c>
      <c r="O130" s="84">
        <v>0.19192609903961158</v>
      </c>
      <c r="P130" s="173">
        <v>0.41257213037937618</v>
      </c>
      <c r="Q130" s="92">
        <v>4.8057630810898554E-2</v>
      </c>
      <c r="R130" s="172">
        <v>0.16091257003773518</v>
      </c>
      <c r="S130" s="92">
        <v>3.6147763740416547E-2</v>
      </c>
      <c r="T130" s="172">
        <v>0.36046616840381968</v>
      </c>
      <c r="U130" s="92">
        <v>4.689394266121908E-2</v>
      </c>
      <c r="V130" s="91">
        <v>6.6049131179068354E-2</v>
      </c>
      <c r="W130" s="92">
        <v>2.4929707646396113E-2</v>
      </c>
      <c r="X130" s="170">
        <v>352</v>
      </c>
      <c r="Y130" s="165">
        <v>3.4748778865875534</v>
      </c>
      <c r="Z130" s="84">
        <v>0.18026973561441986</v>
      </c>
      <c r="AA130" s="173">
        <v>0.47487754210382804</v>
      </c>
      <c r="AB130" s="92">
        <v>5.2934448045994835E-2</v>
      </c>
      <c r="AC130" s="172">
        <v>0.23970683861213915</v>
      </c>
      <c r="AD130" s="92">
        <v>4.5439358943116806E-2</v>
      </c>
      <c r="AE130" s="172">
        <v>0.2450536216600577</v>
      </c>
      <c r="AF130" s="92">
        <v>4.5771140496845435E-2</v>
      </c>
      <c r="AG130" s="91">
        <v>4.0361997623975021E-2</v>
      </c>
      <c r="AH130" s="92">
        <v>2.2096267957321312E-2</v>
      </c>
    </row>
    <row r="131" spans="1:34">
      <c r="A131" s="47" t="s">
        <v>578</v>
      </c>
      <c r="B131" s="171">
        <v>109</v>
      </c>
      <c r="C131" s="167">
        <v>3.2584023466589818</v>
      </c>
      <c r="D131" s="85">
        <v>0.35719875824185299</v>
      </c>
      <c r="E131" s="175">
        <v>0.60309842253473833</v>
      </c>
      <c r="F131" s="95">
        <v>9.2192548053018436E-2</v>
      </c>
      <c r="G131" s="174">
        <v>0.12219362811144237</v>
      </c>
      <c r="H131" s="95">
        <v>6.4407115203470713E-2</v>
      </c>
      <c r="I131" s="174">
        <v>0.25955879457144165</v>
      </c>
      <c r="J131" s="95">
        <v>8.3339261723844205E-2</v>
      </c>
      <c r="K131" s="94">
        <v>1.5149154782377095E-2</v>
      </c>
      <c r="L131" s="95">
        <v>3.3269056098081666E-2</v>
      </c>
      <c r="M131" s="171">
        <v>141</v>
      </c>
      <c r="N131" s="167">
        <v>4.4716747361574267</v>
      </c>
      <c r="O131" s="85">
        <v>0.37453208440839209</v>
      </c>
      <c r="P131" s="175">
        <v>0.29279022314920555</v>
      </c>
      <c r="Q131" s="95">
        <v>7.6003686116443356E-2</v>
      </c>
      <c r="R131" s="174">
        <v>0.14948700698646034</v>
      </c>
      <c r="S131" s="95">
        <v>6.0759694729439678E-2</v>
      </c>
      <c r="T131" s="174">
        <v>0.52146678682054526</v>
      </c>
      <c r="U131" s="95">
        <v>8.2973074334970892E-2</v>
      </c>
      <c r="V131" s="94">
        <v>3.6255983043788492E-2</v>
      </c>
      <c r="W131" s="95">
        <v>3.5870696809474502E-2</v>
      </c>
      <c r="X131" s="171">
        <v>109</v>
      </c>
      <c r="Y131" s="167">
        <v>3.9253195234108107</v>
      </c>
      <c r="Z131" s="85">
        <v>0.34718822302154795</v>
      </c>
      <c r="AA131" s="175">
        <v>0.35942716402219199</v>
      </c>
      <c r="AB131" s="95">
        <v>9.0546718220266817E-2</v>
      </c>
      <c r="AC131" s="174">
        <v>0.19022138138333006</v>
      </c>
      <c r="AD131" s="95">
        <v>7.5424647684063414E-2</v>
      </c>
      <c r="AE131" s="174">
        <v>0.35528824259007874</v>
      </c>
      <c r="AF131" s="95">
        <v>9.0331709346782321E-2</v>
      </c>
      <c r="AG131" s="94">
        <v>9.5063212004398642E-2</v>
      </c>
      <c r="AH131" s="95">
        <v>5.8726755183822671E-2</v>
      </c>
    </row>
    <row r="132" spans="1:34">
      <c r="A132" s="43" t="s">
        <v>581</v>
      </c>
      <c r="B132" s="170">
        <v>9165</v>
      </c>
      <c r="C132" s="165">
        <v>3.2128689558090575</v>
      </c>
      <c r="D132" s="84">
        <v>3.6653473649429932E-2</v>
      </c>
      <c r="E132" s="173">
        <v>0.53912230721028376</v>
      </c>
      <c r="F132" s="92">
        <v>1.0411341002268933E-2</v>
      </c>
      <c r="G132" s="172">
        <v>0.19237926573463141</v>
      </c>
      <c r="H132" s="92">
        <v>8.235068389650024E-3</v>
      </c>
      <c r="I132" s="172">
        <v>0.17928109228455646</v>
      </c>
      <c r="J132" s="92">
        <v>8.0143047231903842E-3</v>
      </c>
      <c r="K132" s="91">
        <v>8.9217334770552076E-2</v>
      </c>
      <c r="L132" s="92">
        <v>5.9592830258470243E-3</v>
      </c>
      <c r="M132" s="170">
        <v>9801</v>
      </c>
      <c r="N132" s="165">
        <v>4.2321394558474426</v>
      </c>
      <c r="O132" s="84">
        <v>4.108067825317617E-2</v>
      </c>
      <c r="P132" s="173">
        <v>0.30562314904479332</v>
      </c>
      <c r="Q132" s="92">
        <v>9.3052591171328969E-3</v>
      </c>
      <c r="R132" s="172">
        <v>0.17339401256004613</v>
      </c>
      <c r="S132" s="92">
        <v>7.6489938428205969E-3</v>
      </c>
      <c r="T132" s="172">
        <v>0.3850460971470136</v>
      </c>
      <c r="U132" s="92">
        <v>9.828646737937841E-3</v>
      </c>
      <c r="V132" s="91">
        <v>0.13593674124817065</v>
      </c>
      <c r="W132" s="92">
        <v>6.9254370492837451E-3</v>
      </c>
      <c r="X132" s="170">
        <v>9198</v>
      </c>
      <c r="Y132" s="165">
        <v>4.0960330603482644</v>
      </c>
      <c r="Z132" s="84">
        <v>3.5704494045138535E-2</v>
      </c>
      <c r="AA132" s="173">
        <v>0.31819601028726691</v>
      </c>
      <c r="AB132" s="92">
        <v>9.7116890540600818E-3</v>
      </c>
      <c r="AC132" s="172">
        <v>0.21544250360906156</v>
      </c>
      <c r="AD132" s="92">
        <v>8.5734843914491935E-3</v>
      </c>
      <c r="AE132" s="172">
        <v>0.34865908566657339</v>
      </c>
      <c r="AF132" s="92">
        <v>9.9360230277863101E-3</v>
      </c>
      <c r="AG132" s="91">
        <v>0.1177024004371231</v>
      </c>
      <c r="AH132" s="92">
        <v>6.7228675260751674E-3</v>
      </c>
    </row>
    <row r="133" spans="1:34">
      <c r="A133" s="47" t="s">
        <v>580</v>
      </c>
      <c r="B133" s="171">
        <v>3320</v>
      </c>
      <c r="C133" s="167">
        <v>3.0884787048386553</v>
      </c>
      <c r="D133" s="85">
        <v>6.2285498337465613E-2</v>
      </c>
      <c r="E133" s="175">
        <v>0.56827455786959258</v>
      </c>
      <c r="F133" s="95">
        <v>1.7182736866330858E-2</v>
      </c>
      <c r="G133" s="174">
        <v>0.16648679486044846</v>
      </c>
      <c r="H133" s="95">
        <v>1.2934923902348685E-2</v>
      </c>
      <c r="I133" s="174">
        <v>0.18596015099248359</v>
      </c>
      <c r="J133" s="95">
        <v>1.3507415865754106E-2</v>
      </c>
      <c r="K133" s="94">
        <v>7.9278496277470398E-2</v>
      </c>
      <c r="L133" s="95">
        <v>9.3994884649451563E-3</v>
      </c>
      <c r="M133" s="171">
        <v>4008</v>
      </c>
      <c r="N133" s="167">
        <v>4.1795641912849248</v>
      </c>
      <c r="O133" s="85">
        <v>6.4634078779885237E-2</v>
      </c>
      <c r="P133" s="175">
        <v>0.33350083604733299</v>
      </c>
      <c r="Q133" s="95">
        <v>1.4888528272906812E-2</v>
      </c>
      <c r="R133" s="174">
        <v>0.13922480439983176</v>
      </c>
      <c r="S133" s="95">
        <v>1.0942643345878789E-2</v>
      </c>
      <c r="T133" s="174">
        <v>0.39696950767971295</v>
      </c>
      <c r="U133" s="95">
        <v>1.5449589145010274E-2</v>
      </c>
      <c r="V133" s="94">
        <v>0.13030485187312257</v>
      </c>
      <c r="W133" s="95">
        <v>1.0642279767429295E-2</v>
      </c>
      <c r="X133" s="171">
        <v>3329</v>
      </c>
      <c r="Y133" s="167">
        <v>3.892453622791324</v>
      </c>
      <c r="Z133" s="85">
        <v>5.5995923047897744E-2</v>
      </c>
      <c r="AA133" s="175">
        <v>0.34074979298111652</v>
      </c>
      <c r="AB133" s="95">
        <v>1.6421547268188629E-2</v>
      </c>
      <c r="AC133" s="174">
        <v>0.22949353601239067</v>
      </c>
      <c r="AD133" s="95">
        <v>1.4574751485543077E-2</v>
      </c>
      <c r="AE133" s="174">
        <v>0.2985276393405083</v>
      </c>
      <c r="AF133" s="95">
        <v>1.5856628036011646E-2</v>
      </c>
      <c r="AG133" s="94">
        <v>0.13122903166597907</v>
      </c>
      <c r="AH133" s="95">
        <v>1.1713869989811216E-2</v>
      </c>
    </row>
    <row r="134" spans="1:34">
      <c r="A134" s="43" t="s">
        <v>583</v>
      </c>
      <c r="B134" s="170">
        <v>736</v>
      </c>
      <c r="C134" s="165">
        <v>2.9026855141826893</v>
      </c>
      <c r="D134" s="84">
        <v>0.12645644280232463</v>
      </c>
      <c r="E134" s="173">
        <v>0.62517847598193788</v>
      </c>
      <c r="F134" s="92">
        <v>3.5602861480762409E-2</v>
      </c>
      <c r="G134" s="172">
        <v>0.15223061329842058</v>
      </c>
      <c r="H134" s="92">
        <v>2.6545261468882961E-2</v>
      </c>
      <c r="I134" s="172">
        <v>0.15410748309476024</v>
      </c>
      <c r="J134" s="92">
        <v>2.667606418486947E-2</v>
      </c>
      <c r="K134" s="91">
        <v>6.8483427624880563E-2</v>
      </c>
      <c r="L134" s="92">
        <v>1.8859516332485345E-2</v>
      </c>
      <c r="M134" s="170">
        <v>919</v>
      </c>
      <c r="N134" s="165">
        <v>4.0205421482319172</v>
      </c>
      <c r="O134" s="84">
        <v>0.13639213517639159</v>
      </c>
      <c r="P134" s="173">
        <v>0.38555913592890323</v>
      </c>
      <c r="Q134" s="92">
        <v>3.2049295518710039E-2</v>
      </c>
      <c r="R134" s="172">
        <v>0.11730547128378861</v>
      </c>
      <c r="S134" s="92">
        <v>2.1312464673270099E-2</v>
      </c>
      <c r="T134" s="172">
        <v>0.37300088745389076</v>
      </c>
      <c r="U134" s="92">
        <v>3.1845422758197059E-2</v>
      </c>
      <c r="V134" s="91">
        <v>0.12413450533341561</v>
      </c>
      <c r="W134" s="92">
        <v>2.1828342514478519E-2</v>
      </c>
      <c r="X134" s="170">
        <v>735</v>
      </c>
      <c r="Y134" s="165">
        <v>3.657566775275781</v>
      </c>
      <c r="Z134" s="84">
        <v>0.11706692045969605</v>
      </c>
      <c r="AA134" s="173">
        <v>0.3820858611457903</v>
      </c>
      <c r="AB134" s="92">
        <v>3.5759409761772581E-2</v>
      </c>
      <c r="AC134" s="172">
        <v>0.24616272910293704</v>
      </c>
      <c r="AD134" s="92">
        <v>3.1751936991372118E-2</v>
      </c>
      <c r="AE134" s="172">
        <v>0.2435988943514461</v>
      </c>
      <c r="AF134" s="92">
        <v>3.1641447604206251E-2</v>
      </c>
      <c r="AG134" s="91">
        <v>0.1281525153998255</v>
      </c>
      <c r="AH134" s="92">
        <v>2.4755610535860853E-2</v>
      </c>
    </row>
    <row r="135" spans="1:34">
      <c r="A135" s="47" t="s">
        <v>582</v>
      </c>
      <c r="B135" s="171">
        <v>2584</v>
      </c>
      <c r="C135" s="167">
        <v>3.1555726615637782</v>
      </c>
      <c r="D135" s="85">
        <v>7.1367751399439752E-2</v>
      </c>
      <c r="E135" s="175">
        <v>0.54804810242947122</v>
      </c>
      <c r="F135" s="95">
        <v>1.9566338264437124E-2</v>
      </c>
      <c r="G135" s="174">
        <v>0.17155414401101879</v>
      </c>
      <c r="H135" s="95">
        <v>1.4838467141930829E-2</v>
      </c>
      <c r="I135" s="174">
        <v>0.19728215814514477</v>
      </c>
      <c r="J135" s="95">
        <v>1.5658890945676102E-2</v>
      </c>
      <c r="K135" s="94">
        <v>8.3115595414363364E-2</v>
      </c>
      <c r="L135" s="95">
        <v>1.08910725910928E-2</v>
      </c>
      <c r="M135" s="171">
        <v>3089</v>
      </c>
      <c r="N135" s="167">
        <v>4.2373562755562686</v>
      </c>
      <c r="O135" s="85">
        <v>7.333387618279906E-2</v>
      </c>
      <c r="P135" s="175">
        <v>0.31476296887763711</v>
      </c>
      <c r="Q135" s="95">
        <v>1.6704809933123239E-2</v>
      </c>
      <c r="R135" s="174">
        <v>0.14711445030281156</v>
      </c>
      <c r="S135" s="95">
        <v>1.2754676007876211E-2</v>
      </c>
      <c r="T135" s="174">
        <v>0.40559677409167838</v>
      </c>
      <c r="U135" s="95">
        <v>1.7658288494487251E-2</v>
      </c>
      <c r="V135" s="94">
        <v>0.1325258067278727</v>
      </c>
      <c r="W135" s="95">
        <v>1.2211720129878215E-2</v>
      </c>
      <c r="X135" s="171">
        <v>2594</v>
      </c>
      <c r="Y135" s="167">
        <v>3.9760124371435666</v>
      </c>
      <c r="Z135" s="85">
        <v>6.3627443700664726E-2</v>
      </c>
      <c r="AA135" s="175">
        <v>0.32611513148828875</v>
      </c>
      <c r="AB135" s="95">
        <v>1.8398425399211285E-2</v>
      </c>
      <c r="AC135" s="174">
        <v>0.22359195879254343</v>
      </c>
      <c r="AD135" s="95">
        <v>1.6359776988088638E-2</v>
      </c>
      <c r="AE135" s="174">
        <v>0.31797466526320944</v>
      </c>
      <c r="AF135" s="95">
        <v>1.82771716938828E-2</v>
      </c>
      <c r="AG135" s="94">
        <v>0.132318244455957</v>
      </c>
      <c r="AH135" s="95">
        <v>1.3319436285491575E-2</v>
      </c>
    </row>
    <row r="136" spans="1:34">
      <c r="A136" s="43" t="s">
        <v>568</v>
      </c>
      <c r="B136" s="170">
        <v>8009</v>
      </c>
      <c r="C136" s="165">
        <v>3.2221001843393431</v>
      </c>
      <c r="D136" s="84">
        <v>4.0130756481066863E-2</v>
      </c>
      <c r="E136" s="173">
        <v>0.52807461006861001</v>
      </c>
      <c r="F136" s="92">
        <v>1.1153660598826925E-2</v>
      </c>
      <c r="G136" s="172">
        <v>0.18510237817934908</v>
      </c>
      <c r="H136" s="92">
        <v>8.6802530384523201E-3</v>
      </c>
      <c r="I136" s="172">
        <v>0.1919019886629468</v>
      </c>
      <c r="J136" s="92">
        <v>8.8010970731556299E-3</v>
      </c>
      <c r="K136" s="91">
        <v>9.4921023089084428E-2</v>
      </c>
      <c r="L136" s="92">
        <v>6.5549660451667321E-3</v>
      </c>
      <c r="M136" s="170">
        <v>8235</v>
      </c>
      <c r="N136" s="165">
        <v>4.2060678244976515</v>
      </c>
      <c r="O136" s="84">
        <v>4.6119962815512706E-2</v>
      </c>
      <c r="P136" s="173">
        <v>0.31128143414069209</v>
      </c>
      <c r="Q136" s="92">
        <v>1.0202938399000203E-2</v>
      </c>
      <c r="R136" s="172">
        <v>0.15561788743085481</v>
      </c>
      <c r="S136" s="92">
        <v>7.9906515126750947E-3</v>
      </c>
      <c r="T136" s="172">
        <v>0.38296360912039568</v>
      </c>
      <c r="U136" s="92">
        <v>1.0711224099812792E-2</v>
      </c>
      <c r="V136" s="91">
        <v>0.15013706930804774</v>
      </c>
      <c r="W136" s="92">
        <v>7.8743239946547743E-3</v>
      </c>
      <c r="X136" s="170">
        <v>8085</v>
      </c>
      <c r="Y136" s="165">
        <v>4.0491051518684369</v>
      </c>
      <c r="Z136" s="84">
        <v>3.8030696778234806E-2</v>
      </c>
      <c r="AA136" s="173">
        <v>0.32121898487786654</v>
      </c>
      <c r="AB136" s="92">
        <v>1.0384354269592539E-2</v>
      </c>
      <c r="AC136" s="172">
        <v>0.21116320077473316</v>
      </c>
      <c r="AD136" s="92">
        <v>9.078054456530666E-3</v>
      </c>
      <c r="AE136" s="172">
        <v>0.33332940649370058</v>
      </c>
      <c r="AF136" s="92">
        <v>1.0483393313952314E-2</v>
      </c>
      <c r="AG136" s="91">
        <v>0.13428840785368829</v>
      </c>
      <c r="AH136" s="92">
        <v>7.5863927509694029E-3</v>
      </c>
    </row>
    <row r="137" spans="1:34">
      <c r="A137" s="47" t="s">
        <v>569</v>
      </c>
      <c r="B137" s="171">
        <v>4403</v>
      </c>
      <c r="C137" s="167">
        <v>3.1785193449408586</v>
      </c>
      <c r="D137" s="85">
        <v>5.1634410353047326E-2</v>
      </c>
      <c r="E137" s="175">
        <v>0.55580687616277069</v>
      </c>
      <c r="F137" s="95">
        <v>1.4969638543494651E-2</v>
      </c>
      <c r="G137" s="174">
        <v>0.19326563043006234</v>
      </c>
      <c r="H137" s="95">
        <v>1.1902513886074715E-2</v>
      </c>
      <c r="I137" s="174">
        <v>0.16793346108194221</v>
      </c>
      <c r="J137" s="95">
        <v>1.1269815951337442E-2</v>
      </c>
      <c r="K137" s="94">
        <v>8.2994032325239803E-2</v>
      </c>
      <c r="L137" s="95">
        <v>8.3284922629894495E-3</v>
      </c>
      <c r="M137" s="171">
        <v>5498</v>
      </c>
      <c r="N137" s="167">
        <v>4.2362936578880701</v>
      </c>
      <c r="O137" s="85">
        <v>5.2739456454376173E-2</v>
      </c>
      <c r="P137" s="175">
        <v>0.30737817826010588</v>
      </c>
      <c r="Q137" s="95">
        <v>1.2442547365921689E-2</v>
      </c>
      <c r="R137" s="174">
        <v>0.18440711389346587</v>
      </c>
      <c r="S137" s="95">
        <v>1.0461745794042779E-2</v>
      </c>
      <c r="T137" s="174">
        <v>0.38846070724044574</v>
      </c>
      <c r="U137" s="95">
        <v>1.3142317736077094E-2</v>
      </c>
      <c r="V137" s="94">
        <v>0.1197540006060009</v>
      </c>
      <c r="W137" s="95">
        <v>8.7629277389867088E-3</v>
      </c>
      <c r="X137" s="171">
        <v>4429</v>
      </c>
      <c r="Y137" s="167">
        <v>4.1159101031084724</v>
      </c>
      <c r="Z137" s="85">
        <v>4.9545643808874662E-2</v>
      </c>
      <c r="AA137" s="175">
        <v>0.31750772969156171</v>
      </c>
      <c r="AB137" s="95">
        <v>1.3985156808482465E-2</v>
      </c>
      <c r="AC137" s="174">
        <v>0.22086192187628026</v>
      </c>
      <c r="AD137" s="95">
        <v>1.2465969359147793E-2</v>
      </c>
      <c r="AE137" s="174">
        <v>0.35770084756081644</v>
      </c>
      <c r="AF137" s="95">
        <v>1.4399397094711818E-2</v>
      </c>
      <c r="AG137" s="94">
        <v>0.10392950087135638</v>
      </c>
      <c r="AH137" s="95">
        <v>9.1807982457425361E-3</v>
      </c>
    </row>
    <row r="138" spans="1:34">
      <c r="A138" s="55" t="s">
        <v>570</v>
      </c>
      <c r="B138" s="170">
        <v>1771</v>
      </c>
      <c r="C138" s="165">
        <v>3.1097332301779921</v>
      </c>
      <c r="D138" s="84">
        <v>7.6945053360658669E-2</v>
      </c>
      <c r="E138" s="173">
        <v>0.58919659202335684</v>
      </c>
      <c r="F138" s="92">
        <v>2.3356624574787953E-2</v>
      </c>
      <c r="G138" s="172">
        <v>0.19191482781096197</v>
      </c>
      <c r="H138" s="92">
        <v>1.8720228553636111E-2</v>
      </c>
      <c r="I138" s="172">
        <v>0.16290459343794109</v>
      </c>
      <c r="J138" s="92">
        <v>1.7562973853726457E-2</v>
      </c>
      <c r="K138" s="91">
        <v>5.5983986727739722E-2</v>
      </c>
      <c r="L138" s="92">
        <v>1.1004464459511245E-2</v>
      </c>
      <c r="M138" s="170">
        <v>1773</v>
      </c>
      <c r="N138" s="165">
        <v>3.9901159681195417</v>
      </c>
      <c r="O138" s="84">
        <v>9.1939245318538976E-2</v>
      </c>
      <c r="P138" s="173">
        <v>0.38008274965100086</v>
      </c>
      <c r="Q138" s="92">
        <v>2.3033069089275722E-2</v>
      </c>
      <c r="R138" s="172">
        <v>0.17694393108452361</v>
      </c>
      <c r="S138" s="92">
        <v>1.8134996594944552E-2</v>
      </c>
      <c r="T138" s="172">
        <v>0.35342919282543783</v>
      </c>
      <c r="U138" s="92">
        <v>2.2684923457705973E-2</v>
      </c>
      <c r="V138" s="91">
        <v>8.9544126439040209E-2</v>
      </c>
      <c r="W138" s="92">
        <v>1.3609522564928853E-2</v>
      </c>
      <c r="X138" s="170">
        <v>1800</v>
      </c>
      <c r="Y138" s="165">
        <v>4.0856696232088314</v>
      </c>
      <c r="Z138" s="84">
        <v>8.0944173776270043E-2</v>
      </c>
      <c r="AA138" s="173">
        <v>0.35627502920306831</v>
      </c>
      <c r="AB138" s="92">
        <v>2.2554916275939241E-2</v>
      </c>
      <c r="AC138" s="172">
        <v>0.19186815415783298</v>
      </c>
      <c r="AD138" s="92">
        <v>1.8567032149293262E-2</v>
      </c>
      <c r="AE138" s="172">
        <v>0.38099059593604645</v>
      </c>
      <c r="AF138" s="92">
        <v>2.2870477889641166E-2</v>
      </c>
      <c r="AG138" s="91">
        <v>7.0866220703053942E-2</v>
      </c>
      <c r="AH138" s="92">
        <v>1.2157498349393567E-2</v>
      </c>
    </row>
    <row r="139" spans="1:34">
      <c r="A139" s="47" t="s">
        <v>571</v>
      </c>
      <c r="B139" s="171">
        <v>3683</v>
      </c>
      <c r="C139" s="167">
        <v>3.1597040912085124</v>
      </c>
      <c r="D139" s="85">
        <v>5.6206166080832023E-2</v>
      </c>
      <c r="E139" s="175">
        <v>0.56341518740812657</v>
      </c>
      <c r="F139" s="95">
        <v>1.6336149993841476E-2</v>
      </c>
      <c r="G139" s="174">
        <v>0.1905177397525363</v>
      </c>
      <c r="H139" s="95">
        <v>1.2943659111887542E-2</v>
      </c>
      <c r="I139" s="174">
        <v>0.18072815448605481</v>
      </c>
      <c r="J139" s="95">
        <v>1.268365147065943E-2</v>
      </c>
      <c r="K139" s="94">
        <v>6.5338918353283884E-2</v>
      </c>
      <c r="L139" s="95">
        <v>8.1669227686236891E-3</v>
      </c>
      <c r="M139" s="171">
        <v>3759</v>
      </c>
      <c r="N139" s="167">
        <v>4.0921978947075006</v>
      </c>
      <c r="O139" s="85">
        <v>6.3708435200313232E-2</v>
      </c>
      <c r="P139" s="175">
        <v>0.33449855571009229</v>
      </c>
      <c r="Q139" s="95">
        <v>1.5384779508419382E-2</v>
      </c>
      <c r="R139" s="174">
        <v>0.18668015990815146</v>
      </c>
      <c r="S139" s="95">
        <v>1.2712787164524675E-2</v>
      </c>
      <c r="T139" s="174">
        <v>0.3758360064707047</v>
      </c>
      <c r="U139" s="95">
        <v>1.579216800890906E-2</v>
      </c>
      <c r="V139" s="94">
        <v>0.10298527791105143</v>
      </c>
      <c r="W139" s="95">
        <v>9.9274127785150407E-3</v>
      </c>
      <c r="X139" s="171">
        <v>3720</v>
      </c>
      <c r="Y139" s="167">
        <v>4.0039020121333442</v>
      </c>
      <c r="Z139" s="85">
        <v>5.3829075587519724E-2</v>
      </c>
      <c r="AA139" s="175">
        <v>0.34059000101071135</v>
      </c>
      <c r="AB139" s="95">
        <v>1.5533582091884704E-2</v>
      </c>
      <c r="AC139" s="174">
        <v>0.23534377982228269</v>
      </c>
      <c r="AD139" s="95">
        <v>1.390884365184791E-2</v>
      </c>
      <c r="AE139" s="174">
        <v>0.32717012274512569</v>
      </c>
      <c r="AF139" s="95">
        <v>1.5378991870795644E-2</v>
      </c>
      <c r="AG139" s="94">
        <v>9.6896096421880712E-2</v>
      </c>
      <c r="AH139" s="95">
        <v>9.7142927295765114E-3</v>
      </c>
    </row>
    <row r="140" spans="1:34">
      <c r="A140" s="55" t="s">
        <v>572</v>
      </c>
      <c r="B140" s="170">
        <v>3716</v>
      </c>
      <c r="C140" s="165">
        <v>3.1941232912468562</v>
      </c>
      <c r="D140" s="84">
        <v>5.9126606971843777E-2</v>
      </c>
      <c r="E140" s="173">
        <v>0.51742180573513952</v>
      </c>
      <c r="F140" s="92">
        <v>1.6385711486802065E-2</v>
      </c>
      <c r="G140" s="172">
        <v>0.18987938260349085</v>
      </c>
      <c r="H140" s="92">
        <v>1.2869565623718167E-2</v>
      </c>
      <c r="I140" s="172">
        <v>0.1746678449173649</v>
      </c>
      <c r="J140" s="92">
        <v>1.2460107594302839E-2</v>
      </c>
      <c r="K140" s="91">
        <v>0.11803096674401087</v>
      </c>
      <c r="L140" s="92">
        <v>1.0595863116471932E-2</v>
      </c>
      <c r="M140" s="170">
        <v>4165</v>
      </c>
      <c r="N140" s="165">
        <v>4.219715083216288</v>
      </c>
      <c r="O140" s="84">
        <v>6.4297069854060918E-2</v>
      </c>
      <c r="P140" s="173">
        <v>0.30230662666662783</v>
      </c>
      <c r="Q140" s="92">
        <v>1.4228114185777567E-2</v>
      </c>
      <c r="R140" s="172">
        <v>0.16357626326925603</v>
      </c>
      <c r="S140" s="92">
        <v>1.1466519763920336E-2</v>
      </c>
      <c r="T140" s="172">
        <v>0.367410392535097</v>
      </c>
      <c r="U140" s="92">
        <v>1.4934211354117315E-2</v>
      </c>
      <c r="V140" s="91">
        <v>0.16670671752902805</v>
      </c>
      <c r="W140" s="92">
        <v>1.1553733105272702E-2</v>
      </c>
      <c r="X140" s="170">
        <v>3737</v>
      </c>
      <c r="Y140" s="165">
        <v>3.9850006198698571</v>
      </c>
      <c r="Z140" s="84">
        <v>5.4740884834290106E-2</v>
      </c>
      <c r="AA140" s="173">
        <v>0.31668293002382514</v>
      </c>
      <c r="AB140" s="92">
        <v>1.5213588549300695E-2</v>
      </c>
      <c r="AC140" s="172">
        <v>0.22769225998207496</v>
      </c>
      <c r="AD140" s="92">
        <v>1.3718325005280401E-2</v>
      </c>
      <c r="AE140" s="172">
        <v>0.31004294868147986</v>
      </c>
      <c r="AF140" s="92">
        <v>1.5126427591144673E-2</v>
      </c>
      <c r="AG140" s="91">
        <v>0.14558186131262482</v>
      </c>
      <c r="AH140" s="92">
        <v>1.1544979932408916E-2</v>
      </c>
    </row>
    <row r="141" spans="1:34">
      <c r="A141" s="47" t="s">
        <v>573</v>
      </c>
      <c r="B141" s="171">
        <v>3197</v>
      </c>
      <c r="C141" s="167">
        <v>3.385881842994213</v>
      </c>
      <c r="D141" s="85">
        <v>6.589511192774701E-2</v>
      </c>
      <c r="E141" s="175">
        <v>0.48316778281701933</v>
      </c>
      <c r="F141" s="95">
        <v>1.766491479621965E-2</v>
      </c>
      <c r="G141" s="174">
        <v>0.18272340833642697</v>
      </c>
      <c r="H141" s="95">
        <v>1.3672063593840664E-2</v>
      </c>
      <c r="I141" s="174">
        <v>0.20379112219426465</v>
      </c>
      <c r="J141" s="95">
        <v>1.4249065121097639E-2</v>
      </c>
      <c r="K141" s="94">
        <v>0.1303176866522868</v>
      </c>
      <c r="L141" s="95">
        <v>1.1918515890871173E-2</v>
      </c>
      <c r="M141" s="171">
        <v>3971</v>
      </c>
      <c r="N141" s="167">
        <v>4.7421010634945109</v>
      </c>
      <c r="O141" s="85">
        <v>6.5333310431676506E-2</v>
      </c>
      <c r="P141" s="175">
        <v>0.20124185852229812</v>
      </c>
      <c r="Q141" s="95">
        <v>1.2725376740081909E-2</v>
      </c>
      <c r="R141" s="174">
        <v>0.1418087562709982</v>
      </c>
      <c r="S141" s="95">
        <v>1.1078093007510817E-2</v>
      </c>
      <c r="T141" s="174">
        <v>0.45662235656149669</v>
      </c>
      <c r="U141" s="95">
        <v>1.5801350632581115E-2</v>
      </c>
      <c r="V141" s="94">
        <v>0.20032702864520163</v>
      </c>
      <c r="W141" s="95">
        <v>1.2703755961826537E-2</v>
      </c>
      <c r="X141" s="171">
        <v>3211</v>
      </c>
      <c r="Y141" s="167">
        <v>4.3554538322935459</v>
      </c>
      <c r="Z141" s="85">
        <v>6.0628390293529934E-2</v>
      </c>
      <c r="AA141" s="175">
        <v>0.2457486302621241</v>
      </c>
      <c r="AB141" s="95">
        <v>1.5192573953713189E-2</v>
      </c>
      <c r="AC141" s="174">
        <v>0.19292605242853214</v>
      </c>
      <c r="AD141" s="95">
        <v>1.3928950168071559E-2</v>
      </c>
      <c r="AE141" s="174">
        <v>0.38325656248271245</v>
      </c>
      <c r="AF141" s="95">
        <v>1.7150141570858545E-2</v>
      </c>
      <c r="AG141" s="94">
        <v>0.17806875482662984</v>
      </c>
      <c r="AH141" s="95">
        <v>1.3506199413229164E-2</v>
      </c>
    </row>
    <row r="142" spans="1:34">
      <c r="A142" s="55" t="s">
        <v>579</v>
      </c>
      <c r="B142" s="170">
        <v>9615</v>
      </c>
      <c r="C142" s="165">
        <v>3.1687330034861745</v>
      </c>
      <c r="D142" s="84">
        <v>3.5973779584344258E-2</v>
      </c>
      <c r="E142" s="173">
        <v>0.54731532118451565</v>
      </c>
      <c r="F142" s="92">
        <v>1.0150404877172935E-2</v>
      </c>
      <c r="G142" s="172">
        <v>0.19227735880896848</v>
      </c>
      <c r="H142" s="92">
        <v>8.0384126879621091E-3</v>
      </c>
      <c r="I142" s="172">
        <v>0.1750635534906701</v>
      </c>
      <c r="J142" s="92">
        <v>7.7518456756216778E-3</v>
      </c>
      <c r="K142" s="91">
        <v>8.5343766515868544E-2</v>
      </c>
      <c r="L142" s="92">
        <v>5.7026568018563291E-3</v>
      </c>
      <c r="M142" s="170">
        <v>9619</v>
      </c>
      <c r="N142" s="165">
        <v>4.2122286202815733</v>
      </c>
      <c r="O142" s="84">
        <v>4.1607192644515859E-2</v>
      </c>
      <c r="P142" s="173">
        <v>0.30861756011313884</v>
      </c>
      <c r="Q142" s="92">
        <v>9.4183585932515902E-3</v>
      </c>
      <c r="R142" s="172">
        <v>0.16601757957238386</v>
      </c>
      <c r="S142" s="92">
        <v>7.5888434921010427E-3</v>
      </c>
      <c r="T142" s="172">
        <v>0.38590449908605395</v>
      </c>
      <c r="U142" s="92">
        <v>9.9252749315886582E-3</v>
      </c>
      <c r="V142" s="91">
        <v>0.13946036122844796</v>
      </c>
      <c r="W142" s="92">
        <v>7.0661196848673721E-3</v>
      </c>
      <c r="X142" s="170">
        <v>9626</v>
      </c>
      <c r="Y142" s="165">
        <v>4.0214830445984537</v>
      </c>
      <c r="Z142" s="84">
        <v>3.39184545542821E-2</v>
      </c>
      <c r="AA142" s="173">
        <v>0.32510953982654966</v>
      </c>
      <c r="AB142" s="92">
        <v>9.5471444552450244E-3</v>
      </c>
      <c r="AC142" s="172">
        <v>0.22401960339358407</v>
      </c>
      <c r="AD142" s="92">
        <v>8.498929889317124E-3</v>
      </c>
      <c r="AE142" s="172">
        <v>0.32926713029675431</v>
      </c>
      <c r="AF142" s="92">
        <v>9.5783265626688489E-3</v>
      </c>
      <c r="AG142" s="91">
        <v>0.12160372648313621</v>
      </c>
      <c r="AH142" s="92">
        <v>6.6646471569022526E-3</v>
      </c>
    </row>
    <row r="143" spans="1:34">
      <c r="A143" s="47" t="s">
        <v>585</v>
      </c>
      <c r="B143" s="171">
        <v>1544</v>
      </c>
      <c r="C143" s="167">
        <v>3.2495593654275381</v>
      </c>
      <c r="D143" s="85">
        <v>9.3059585321537464E-2</v>
      </c>
      <c r="E143" s="175">
        <v>0.52663903947123858</v>
      </c>
      <c r="F143" s="95">
        <v>2.538051625202474E-2</v>
      </c>
      <c r="G143" s="174">
        <v>0.15431281473297742</v>
      </c>
      <c r="H143" s="95">
        <v>1.8406628763047696E-2</v>
      </c>
      <c r="I143" s="174">
        <v>0.19301542874170427</v>
      </c>
      <c r="J143" s="95">
        <v>2.0093249651072689E-2</v>
      </c>
      <c r="K143" s="94">
        <v>0.12603271705408214</v>
      </c>
      <c r="L143" s="95">
        <v>1.692591276878843E-2</v>
      </c>
      <c r="M143" s="171">
        <v>1550</v>
      </c>
      <c r="N143" s="167">
        <v>4.3707072873057982</v>
      </c>
      <c r="O143" s="85">
        <v>0.10617426955583231</v>
      </c>
      <c r="P143" s="175">
        <v>0.27471329823228841</v>
      </c>
      <c r="Q143" s="95">
        <v>2.2661225485930584E-2</v>
      </c>
      <c r="R143" s="174">
        <v>0.16823668097020608</v>
      </c>
      <c r="S143" s="95">
        <v>1.9016960246178907E-2</v>
      </c>
      <c r="T143" s="174">
        <v>0.40125296359097229</v>
      </c>
      <c r="U143" s="95">
        <v>2.4870276371318084E-2</v>
      </c>
      <c r="V143" s="94">
        <v>0.15579705720653569</v>
      </c>
      <c r="W143" s="95">
        <v>1.8442122240059009E-2</v>
      </c>
      <c r="X143" s="171">
        <v>1547</v>
      </c>
      <c r="Y143" s="167">
        <v>4.2300804820214752</v>
      </c>
      <c r="Z143" s="85">
        <v>8.8667702829829831E-2</v>
      </c>
      <c r="AA143" s="175">
        <v>0.28313552218380938</v>
      </c>
      <c r="AB143" s="95">
        <v>2.2892796187637794E-2</v>
      </c>
      <c r="AC143" s="174">
        <v>0.20911049328628603</v>
      </c>
      <c r="AD143" s="95">
        <v>2.0679568894503599E-2</v>
      </c>
      <c r="AE143" s="174">
        <v>0.35567581870775938</v>
      </c>
      <c r="AF143" s="95">
        <v>2.4316727494662894E-2</v>
      </c>
      <c r="AG143" s="94">
        <v>0.15207816582214762</v>
      </c>
      <c r="AH143" s="95">
        <v>1.8280285118264114E-2</v>
      </c>
    </row>
    <row r="144" spans="1:34">
      <c r="A144" s="55" t="s">
        <v>586</v>
      </c>
      <c r="B144" s="170">
        <v>907</v>
      </c>
      <c r="C144" s="165">
        <v>3.2041039727093814</v>
      </c>
      <c r="D144" s="84">
        <v>0.11212448087637107</v>
      </c>
      <c r="E144" s="173">
        <v>0.54391023194611532</v>
      </c>
      <c r="F144" s="92">
        <v>3.3004592446058335E-2</v>
      </c>
      <c r="G144" s="172">
        <v>0.21193939917688442</v>
      </c>
      <c r="H144" s="92">
        <v>2.7139366676620438E-2</v>
      </c>
      <c r="I144" s="172">
        <v>0.17346616913763341</v>
      </c>
      <c r="J144" s="92">
        <v>2.5172069063171067E-2</v>
      </c>
      <c r="K144" s="91">
        <v>7.0684199739367293E-2</v>
      </c>
      <c r="L144" s="92">
        <v>1.7190472618726509E-2</v>
      </c>
      <c r="M144" s="170">
        <v>909</v>
      </c>
      <c r="N144" s="165">
        <v>3.9783204418870382</v>
      </c>
      <c r="O144" s="84">
        <v>0.13285028714566954</v>
      </c>
      <c r="P144" s="173">
        <v>0.36888514810473128</v>
      </c>
      <c r="Q144" s="92">
        <v>3.1947327928827762E-2</v>
      </c>
      <c r="R144" s="172">
        <v>0.18804840664681602</v>
      </c>
      <c r="S144" s="92">
        <v>2.5935891164852155E-2</v>
      </c>
      <c r="T144" s="172">
        <v>0.33527114671559954</v>
      </c>
      <c r="U144" s="92">
        <v>3.1264105153142846E-2</v>
      </c>
      <c r="V144" s="91">
        <v>0.10779529853285297</v>
      </c>
      <c r="W144" s="92">
        <v>2.0670086708762851E-2</v>
      </c>
      <c r="X144" s="170">
        <v>905</v>
      </c>
      <c r="Y144" s="165">
        <v>4.179511928041272</v>
      </c>
      <c r="Z144" s="84">
        <v>0.11977303040108653</v>
      </c>
      <c r="AA144" s="173">
        <v>0.33085281545031825</v>
      </c>
      <c r="AB144" s="92">
        <v>3.1230043636255291E-2</v>
      </c>
      <c r="AC144" s="172">
        <v>0.19499368318918953</v>
      </c>
      <c r="AD144" s="92">
        <v>2.6350274960454986E-2</v>
      </c>
      <c r="AE144" s="172">
        <v>0.3940828647752096</v>
      </c>
      <c r="AF144" s="92">
        <v>3.2421866840028526E-2</v>
      </c>
      <c r="AG144" s="91">
        <v>8.007063658528267E-2</v>
      </c>
      <c r="AH144" s="92">
        <v>1.8191968415763291E-2</v>
      </c>
    </row>
    <row r="145" spans="1:34">
      <c r="A145" s="47" t="s">
        <v>584</v>
      </c>
      <c r="B145" s="171">
        <v>298</v>
      </c>
      <c r="C145" s="167">
        <v>2.7557588505563104</v>
      </c>
      <c r="D145" s="85">
        <v>0.21486783467966614</v>
      </c>
      <c r="E145" s="175">
        <v>0.64245296088166681</v>
      </c>
      <c r="F145" s="95">
        <v>5.5222746150918746E-2</v>
      </c>
      <c r="G145" s="174">
        <v>0.11795610703705738</v>
      </c>
      <c r="H145" s="95">
        <v>3.7801027209519444E-2</v>
      </c>
      <c r="I145" s="174">
        <v>0.17404849418942414</v>
      </c>
      <c r="J145" s="95">
        <v>4.4057668121592466E-2</v>
      </c>
      <c r="K145" s="94">
        <v>6.5542437891851643E-2</v>
      </c>
      <c r="L145" s="95">
        <v>2.9614208803474217E-2</v>
      </c>
      <c r="M145" s="171">
        <v>304</v>
      </c>
      <c r="N145" s="167">
        <v>3.6094904582851517</v>
      </c>
      <c r="O145" s="85">
        <v>0.24427337502535887</v>
      </c>
      <c r="P145" s="175">
        <v>0.43443919325677638</v>
      </c>
      <c r="Q145" s="95">
        <v>5.6501085811031124E-2</v>
      </c>
      <c r="R145" s="174">
        <v>0.14542769608433864</v>
      </c>
      <c r="S145" s="95">
        <v>4.0695698547675047E-2</v>
      </c>
      <c r="T145" s="174">
        <v>0.28268330687005572</v>
      </c>
      <c r="U145" s="95">
        <v>5.1470853314244523E-2</v>
      </c>
      <c r="V145" s="94">
        <v>0.13744980378882918</v>
      </c>
      <c r="W145" s="95">
        <v>3.9796443169847345E-2</v>
      </c>
      <c r="X145" s="171">
        <v>294</v>
      </c>
      <c r="Y145" s="167">
        <v>3.6767159776861771</v>
      </c>
      <c r="Z145" s="85">
        <v>0.19959076207668908</v>
      </c>
      <c r="AA145" s="175">
        <v>0.48775474908070754</v>
      </c>
      <c r="AB145" s="95">
        <v>5.7911533111347793E-2</v>
      </c>
      <c r="AC145" s="174">
        <v>0.13404373325760507</v>
      </c>
      <c r="AD145" s="95">
        <v>4.0074956002751287E-2</v>
      </c>
      <c r="AE145" s="174">
        <v>0.31242466271097596</v>
      </c>
      <c r="AF145" s="95">
        <v>5.3814708713054549E-2</v>
      </c>
      <c r="AG145" s="94">
        <v>6.577685495071138E-2</v>
      </c>
      <c r="AH145" s="95">
        <v>2.9871767750475176E-2</v>
      </c>
    </row>
    <row r="146" spans="1:34">
      <c r="A146" s="55" t="s">
        <v>587</v>
      </c>
      <c r="B146" s="170">
        <v>11733</v>
      </c>
      <c r="C146" s="165">
        <v>3.1942931702361723</v>
      </c>
      <c r="D146" s="84">
        <v>3.2534115993702546E-2</v>
      </c>
      <c r="E146" s="173">
        <v>0.54159293850957491</v>
      </c>
      <c r="F146" s="92">
        <v>9.198449336506943E-3</v>
      </c>
      <c r="G146" s="172">
        <v>0.19137677654956994</v>
      </c>
      <c r="H146" s="92">
        <v>7.2637389774719363E-3</v>
      </c>
      <c r="I146" s="172">
        <v>0.17719472780075363</v>
      </c>
      <c r="J146" s="92">
        <v>7.0506817893424573E-3</v>
      </c>
      <c r="K146" s="91">
        <v>8.9835557140123007E-2</v>
      </c>
      <c r="L146" s="92">
        <v>5.2825032997524867E-3</v>
      </c>
      <c r="M146" s="170">
        <v>13035</v>
      </c>
      <c r="N146" s="165">
        <v>4.2255135143310456</v>
      </c>
      <c r="O146" s="84">
        <v>3.571649784007052E-2</v>
      </c>
      <c r="P146" s="173">
        <v>0.30722410026232244</v>
      </c>
      <c r="Q146" s="92">
        <v>8.0808144887110338E-3</v>
      </c>
      <c r="R146" s="172">
        <v>0.16957718751606682</v>
      </c>
      <c r="S146" s="92">
        <v>6.5742233692213433E-3</v>
      </c>
      <c r="T146" s="172">
        <v>0.3850225950603427</v>
      </c>
      <c r="U146" s="92">
        <v>8.5229114895845545E-3</v>
      </c>
      <c r="V146" s="91">
        <v>0.13817611716128972</v>
      </c>
      <c r="W146" s="92">
        <v>6.0461651274510159E-3</v>
      </c>
      <c r="X146" s="170">
        <v>11748</v>
      </c>
      <c r="Y146" s="165">
        <v>4.0799369788683988</v>
      </c>
      <c r="Z146" s="84">
        <v>3.1060016540555405E-2</v>
      </c>
      <c r="AA146" s="173">
        <v>0.3154616250037931</v>
      </c>
      <c r="AB146" s="92">
        <v>8.5737255609778552E-3</v>
      </c>
      <c r="AC146" s="172">
        <v>0.22097920475444038</v>
      </c>
      <c r="AD146" s="92">
        <v>7.6558102667410866E-3</v>
      </c>
      <c r="AE146" s="172">
        <v>0.34150107854859785</v>
      </c>
      <c r="AF146" s="92">
        <v>8.7491162707544548E-3</v>
      </c>
      <c r="AG146" s="91">
        <v>0.12205809169319266</v>
      </c>
      <c r="AH146" s="92">
        <v>6.0420901060178368E-3</v>
      </c>
    </row>
    <row r="147" spans="1:34">
      <c r="I147" s="244"/>
      <c r="J147" s="244"/>
      <c r="K147" s="244"/>
      <c r="L147" s="244"/>
      <c r="M147" s="244"/>
      <c r="N147" s="244"/>
      <c r="O147" s="244"/>
      <c r="P147" s="244"/>
      <c r="Q147" s="244"/>
      <c r="R147" s="244"/>
      <c r="S147" s="244"/>
      <c r="T147" s="244"/>
      <c r="U147" s="244"/>
      <c r="V147" s="244"/>
      <c r="W147" s="244"/>
    </row>
  </sheetData>
  <mergeCells count="19">
    <mergeCell ref="A3:D3"/>
    <mergeCell ref="A4:D4"/>
    <mergeCell ref="A5:D5"/>
    <mergeCell ref="A63:L63"/>
    <mergeCell ref="B34:J34"/>
    <mergeCell ref="K34:S34"/>
    <mergeCell ref="X121:AH121"/>
    <mergeCell ref="T34:AB34"/>
    <mergeCell ref="AC34:AK34"/>
    <mergeCell ref="A33:AK33"/>
    <mergeCell ref="A32:AK32"/>
    <mergeCell ref="A90:D90"/>
    <mergeCell ref="A62:L62"/>
    <mergeCell ref="A91:D91"/>
    <mergeCell ref="A92:D92"/>
    <mergeCell ref="B121:L121"/>
    <mergeCell ref="M121:W121"/>
    <mergeCell ref="A120:AH120"/>
    <mergeCell ref="A119:AH119"/>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groups</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Mel.Mylek</cp:lastModifiedBy>
  <dcterms:created xsi:type="dcterms:W3CDTF">2014-05-19T04:59:05Z</dcterms:created>
  <dcterms:modified xsi:type="dcterms:W3CDTF">2020-01-20T03:07:39Z</dcterms:modified>
</cp:coreProperties>
</file>